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09 - 2023 - 155. (Príprava) Registratúrny a DMS systém\03. Príprava\04. PTK\01. Odoslanie PTK\"/>
    </mc:Choice>
  </mc:AlternateContent>
  <bookViews>
    <workbookView xWindow="0" yWindow="0" windowWidth="23040" windowHeight="9195"/>
  </bookViews>
  <sheets>
    <sheet name="Cenová ponuka" sheetId="8" r:id="rId1"/>
  </sheets>
  <definedNames>
    <definedName name="_xlnm.Print_Area" localSheetId="0">'Cenová ponuka'!$B$1:$F$48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87" uniqueCount="86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26.</t>
  </si>
  <si>
    <t>27.</t>
  </si>
  <si>
    <t>28.</t>
  </si>
  <si>
    <t>29.</t>
  </si>
  <si>
    <t>30.</t>
  </si>
  <si>
    <t>2.1.</t>
  </si>
  <si>
    <t>2.2.</t>
  </si>
  <si>
    <t>2.3.</t>
  </si>
  <si>
    <t>2.4.</t>
  </si>
  <si>
    <t>2.5.</t>
  </si>
  <si>
    <t>vykonanie ďalších servisných úkonov a činností predpísaných príslušnou právnou úpravou a aplikovateľnými normami,</t>
  </si>
  <si>
    <t>3.1</t>
  </si>
  <si>
    <t>3.2</t>
  </si>
  <si>
    <t>3.3</t>
  </si>
  <si>
    <t>Požaduje sa uzatvorenie kúpnej zmluvy.</t>
  </si>
  <si>
    <t>Elektronický informačný (automatizovaný) systém na správu a riadenie dokumentov / registratúry</t>
  </si>
  <si>
    <t>48311000-1 - Softvérový balík na riadenie dokumentov</t>
  </si>
  <si>
    <t>48782000-3 - Softvérový balík na riadenie archivácie</t>
  </si>
  <si>
    <t>48311100-2 - Systémy riadenia dokumentov</t>
  </si>
  <si>
    <t>48310000-4 - Softvérový balík na vytváranie dokumentov</t>
  </si>
  <si>
    <t>72212300-2 - Služby na vývoj softvéru na vytváranie dokumentov, kreslenie, vytváranie obrázkov, harmonogramov a na zlepšovanie produktivity</t>
  </si>
  <si>
    <t>Položka č. 2</t>
  </si>
  <si>
    <t>Položka č. 3</t>
  </si>
  <si>
    <t>Položka č. 4</t>
  </si>
  <si>
    <t>Položka č. 5</t>
  </si>
  <si>
    <t>Položka č. 6</t>
  </si>
  <si>
    <t>Položka č. 7</t>
  </si>
  <si>
    <t>Položka č. 8</t>
  </si>
  <si>
    <t>Systémová administrácia</t>
  </si>
  <si>
    <t>Modul denník</t>
  </si>
  <si>
    <t>Modul Workflow</t>
  </si>
  <si>
    <t>Modul Podateľňa</t>
  </si>
  <si>
    <t>Modul Výpravňa zásielok</t>
  </si>
  <si>
    <t>Prídavné funkcionality k Dokument Management Systému</t>
  </si>
  <si>
    <t>Implementačné a konfiguračné práce</t>
  </si>
  <si>
    <t>Servisná podpora</t>
  </si>
  <si>
    <t>Položka č.1 - Systémová administrácia</t>
  </si>
  <si>
    <t>1.1</t>
  </si>
  <si>
    <t>1.2</t>
  </si>
  <si>
    <t>1.3</t>
  </si>
  <si>
    <t>1.4</t>
  </si>
  <si>
    <t>1.5</t>
  </si>
  <si>
    <t>1.6</t>
  </si>
  <si>
    <t>1.7</t>
  </si>
  <si>
    <t>1.8</t>
  </si>
  <si>
    <t>1.9</t>
  </si>
  <si>
    <t>1.10</t>
  </si>
  <si>
    <t>1.11</t>
  </si>
  <si>
    <t>Položka č.2 - Modul Denník</t>
  </si>
  <si>
    <t>2.1</t>
  </si>
  <si>
    <t>2.2</t>
  </si>
  <si>
    <t>2.3</t>
  </si>
  <si>
    <t>2.4</t>
  </si>
  <si>
    <t>2.5</t>
  </si>
  <si>
    <t>2.6</t>
  </si>
  <si>
    <t>2.7</t>
  </si>
  <si>
    <t>2.8</t>
  </si>
  <si>
    <t>2.9</t>
  </si>
  <si>
    <t>2.10</t>
  </si>
  <si>
    <t>2.10.1</t>
  </si>
  <si>
    <t>2.10.2</t>
  </si>
  <si>
    <t>2.10.3</t>
  </si>
  <si>
    <t>2.10.4</t>
  </si>
  <si>
    <t>2.11</t>
  </si>
  <si>
    <r>
      <t xml:space="preserve">Vyhotovovanie nových dokumentov sa vykonáva prostredníctvom </t>
    </r>
    <r>
      <rPr>
        <b/>
        <sz val="10"/>
        <rFont val="Arial"/>
        <family val="2"/>
        <charset val="238"/>
      </rPr>
      <t>šablón dokumentov</t>
    </r>
    <r>
      <rPr>
        <sz val="10"/>
        <rFont val="Arial"/>
        <family val="2"/>
        <charset val="238"/>
      </rPr>
      <t xml:space="preserve">, ktoré môžu byť </t>
    </r>
    <r>
      <rPr>
        <b/>
        <sz val="10"/>
        <rFont val="Arial"/>
        <family val="2"/>
        <charset val="238"/>
      </rPr>
      <t>štandardné</t>
    </r>
    <r>
      <rPr>
        <sz val="10"/>
        <rFont val="Arial"/>
        <family val="2"/>
        <charset val="238"/>
      </rPr>
      <t xml:space="preserve"> dodané pri inštalácii modulov (napr. skenovanie nového dokumentu na pracovisku príslušnej šablóny) alebo </t>
    </r>
    <r>
      <rPr>
        <b/>
        <sz val="10"/>
        <rFont val="Arial"/>
        <family val="2"/>
        <charset val="238"/>
      </rPr>
      <t>klientské</t>
    </r>
    <r>
      <rPr>
        <sz val="10"/>
        <rFont val="Arial"/>
        <family val="2"/>
        <charset val="238"/>
      </rPr>
      <t xml:space="preserve"> (napr. hlavičkový papier, objednávka, rozhodnutie, atď.). Čím sa úplne zjednocujú úkony potrebné pre vyhotovenie nového dokumentu.</t>
    </r>
  </si>
  <si>
    <t>2.12</t>
  </si>
  <si>
    <t>2.13</t>
  </si>
  <si>
    <t xml:space="preserve">Pre prístup do Informačného systému a Denníka je požadovaná možnosť využívať doménové nastavenia. Systém musí zaznamenávať aktivity užívateľov smerom k metaúdajom i k samotným dokumentom. </t>
  </si>
  <si>
    <t>2.14</t>
  </si>
  <si>
    <t>Informačný systém musí zaznamenávať aktivity používateľov smerom k metaúdajom i k samotným dokumentom.</t>
  </si>
  <si>
    <t>2.15</t>
  </si>
  <si>
    <t>Práva, ktoré Informačný systém štandardne obsahuje, musí byť možné doplniť na základe požiadaviek Obstarávateľa aj o ďalšie doposiaľ nedefinované kombinácie práv.</t>
  </si>
  <si>
    <t>2.16</t>
  </si>
  <si>
    <t>Požadované rozhranie Informačného systému je na úrovni tried .NET s možnosťou prepojenia s aplikáciami MS Office, MS Outlook a pod.</t>
  </si>
  <si>
    <t>2.17</t>
  </si>
  <si>
    <t>Požadované vlastnosti Denníka:</t>
  </si>
  <si>
    <t>2.17.1</t>
  </si>
  <si>
    <t>2.17.2</t>
  </si>
  <si>
    <t>2.17.3</t>
  </si>
  <si>
    <t>2.17.4</t>
  </si>
  <si>
    <t>2.17.5</t>
  </si>
  <si>
    <t>2.17.6</t>
  </si>
  <si>
    <t>2.17.7</t>
  </si>
  <si>
    <t>2.17.8</t>
  </si>
  <si>
    <t>2.17.9</t>
  </si>
  <si>
    <t>2.17.10</t>
  </si>
  <si>
    <t>2.17.11</t>
  </si>
  <si>
    <t>2.17.12</t>
  </si>
  <si>
    <t>2.17.13</t>
  </si>
  <si>
    <t>2.17.14</t>
  </si>
  <si>
    <t>2.17.15</t>
  </si>
  <si>
    <t>2.17.16</t>
  </si>
  <si>
    <t>2.17.17</t>
  </si>
  <si>
    <t>2.17.18</t>
  </si>
  <si>
    <t>2.17.19</t>
  </si>
  <si>
    <t>2.17.20</t>
  </si>
  <si>
    <t>2.17.21</t>
  </si>
  <si>
    <t>2.17.22</t>
  </si>
  <si>
    <t>2.17.23</t>
  </si>
  <si>
    <t>2.17.24</t>
  </si>
  <si>
    <t>2.17.25</t>
  </si>
  <si>
    <t>2.18</t>
  </si>
  <si>
    <t>2.18.1</t>
  </si>
  <si>
    <t>2.18.2</t>
  </si>
  <si>
    <t>2.18.3</t>
  </si>
  <si>
    <t>2.18.4</t>
  </si>
  <si>
    <t>2.18.5</t>
  </si>
  <si>
    <t>2.18.6</t>
  </si>
  <si>
    <t>2.18.7</t>
  </si>
  <si>
    <t>2.18.8</t>
  </si>
  <si>
    <t>2.18.9</t>
  </si>
  <si>
    <t>2.18.10</t>
  </si>
  <si>
    <t>2.18.11</t>
  </si>
  <si>
    <t>2.18.12</t>
  </si>
  <si>
    <t>2.18.13</t>
  </si>
  <si>
    <t>2.18.14</t>
  </si>
  <si>
    <t>2.18.15</t>
  </si>
  <si>
    <t>2.18.16</t>
  </si>
  <si>
    <t>Položka č.3 - Modul Workflow</t>
  </si>
  <si>
    <t>Položka č.4 - Modul Podateľňa</t>
  </si>
  <si>
    <t>4.1</t>
  </si>
  <si>
    <t>Požadované funkcionality modulu Podateľňa:</t>
  </si>
  <si>
    <t>4.1.1</t>
  </si>
  <si>
    <t>4.1.2</t>
  </si>
  <si>
    <t>4.1.3</t>
  </si>
  <si>
    <t>4.1.4</t>
  </si>
  <si>
    <t>4.1.5</t>
  </si>
  <si>
    <t>4.1.6</t>
  </si>
  <si>
    <t>4.1.7</t>
  </si>
  <si>
    <t>4.1.8</t>
  </si>
  <si>
    <t>4.1.9</t>
  </si>
  <si>
    <t>4.1.10</t>
  </si>
  <si>
    <t>4.1.11</t>
  </si>
  <si>
    <t>4.1.12</t>
  </si>
  <si>
    <t>Položka č.5 - Modul Výpravňa zásielok</t>
  </si>
  <si>
    <t>5</t>
  </si>
  <si>
    <t>5.1</t>
  </si>
  <si>
    <t>Požadované funkcionality modulu Výpravňa zásielok:</t>
  </si>
  <si>
    <t>5.1.1</t>
  </si>
  <si>
    <t>5.1.2</t>
  </si>
  <si>
    <t>5.1.3</t>
  </si>
  <si>
    <t>5.1.4</t>
  </si>
  <si>
    <t>5.1.5</t>
  </si>
  <si>
    <t>5.1.6</t>
  </si>
  <si>
    <t>Položka č.6 - Prídavné funkcionality k Dokument Management Systému</t>
  </si>
  <si>
    <t>6.1</t>
  </si>
  <si>
    <t>6.1.1</t>
  </si>
  <si>
    <t>6.1.2</t>
  </si>
  <si>
    <t>6.1.3</t>
  </si>
  <si>
    <t>6.1.4</t>
  </si>
  <si>
    <t>6.1.5</t>
  </si>
  <si>
    <t>6.1.6</t>
  </si>
  <si>
    <t>6.2</t>
  </si>
  <si>
    <t>6.2.1</t>
  </si>
  <si>
    <t>6.2.2</t>
  </si>
  <si>
    <t>6.2.3</t>
  </si>
  <si>
    <t>6.2.4</t>
  </si>
  <si>
    <t>6.2.5</t>
  </si>
  <si>
    <t>6.2.6</t>
  </si>
  <si>
    <t>6.2.7</t>
  </si>
  <si>
    <t>6.2.8</t>
  </si>
  <si>
    <t>6.2.9</t>
  </si>
  <si>
    <t>6.2.10</t>
  </si>
  <si>
    <t>6.2.11</t>
  </si>
  <si>
    <t>6.2.12</t>
  </si>
  <si>
    <t>6.2.13</t>
  </si>
  <si>
    <t>6.2.14</t>
  </si>
  <si>
    <t>6.2.15</t>
  </si>
  <si>
    <t>6.2.16</t>
  </si>
  <si>
    <t>6.2.17</t>
  </si>
  <si>
    <t>6.2.18</t>
  </si>
  <si>
    <t>6.2.19</t>
  </si>
  <si>
    <t>6.3</t>
  </si>
  <si>
    <t>6.3.1</t>
  </si>
  <si>
    <t>6.3.2</t>
  </si>
  <si>
    <t>6.3.3</t>
  </si>
  <si>
    <t>6.3.4</t>
  </si>
  <si>
    <t>6.3.5</t>
  </si>
  <si>
    <t>6.3.6</t>
  </si>
  <si>
    <t>6.3.7</t>
  </si>
  <si>
    <t>6.3.8</t>
  </si>
  <si>
    <t>6.3.9</t>
  </si>
  <si>
    <t>6.3.10</t>
  </si>
  <si>
    <t>6.3.11</t>
  </si>
  <si>
    <t>6.3.12</t>
  </si>
  <si>
    <t>6.3.13</t>
  </si>
  <si>
    <t>6.4</t>
  </si>
  <si>
    <t>6.4.1</t>
  </si>
  <si>
    <t>6.4.2</t>
  </si>
  <si>
    <t>6.4.3</t>
  </si>
  <si>
    <t>6.4.4</t>
  </si>
  <si>
    <t>6.4.5</t>
  </si>
  <si>
    <t>6.4.6</t>
  </si>
  <si>
    <t>6.4.7</t>
  </si>
  <si>
    <t>6.4.8</t>
  </si>
  <si>
    <t>6.5</t>
  </si>
  <si>
    <t>6.5.1</t>
  </si>
  <si>
    <t>6.5.2</t>
  </si>
  <si>
    <t>6.5.3</t>
  </si>
  <si>
    <t>6.5.4</t>
  </si>
  <si>
    <t>6.5.5</t>
  </si>
  <si>
    <t>6.6</t>
  </si>
  <si>
    <t>6.6.1</t>
  </si>
  <si>
    <t>6.7</t>
  </si>
  <si>
    <t>6.7.1</t>
  </si>
  <si>
    <t>6.8</t>
  </si>
  <si>
    <t>6.8.1</t>
  </si>
  <si>
    <t>6.9</t>
  </si>
  <si>
    <t>6.9.1</t>
  </si>
  <si>
    <t>6.9.2</t>
  </si>
  <si>
    <t>6.9.3</t>
  </si>
  <si>
    <t>6.10</t>
  </si>
  <si>
    <t>6.10.1</t>
  </si>
  <si>
    <t>6.10.2</t>
  </si>
  <si>
    <t>6.10.3</t>
  </si>
  <si>
    <t>6.10.4</t>
  </si>
  <si>
    <t>6.10.5</t>
  </si>
  <si>
    <t>6.10.6</t>
  </si>
  <si>
    <t>6.10.7</t>
  </si>
  <si>
    <t>6.10.8</t>
  </si>
  <si>
    <t>6.10.9</t>
  </si>
  <si>
    <t>Položka č.7 - Implementačné a konfiguračné práce</t>
  </si>
  <si>
    <t>7.1</t>
  </si>
  <si>
    <t>7.1.1</t>
  </si>
  <si>
    <t>7.1.2</t>
  </si>
  <si>
    <t>7.1.3</t>
  </si>
  <si>
    <t>7.2</t>
  </si>
  <si>
    <t>7.2.1</t>
  </si>
  <si>
    <t>7.2.2</t>
  </si>
  <si>
    <t>7.2.3</t>
  </si>
  <si>
    <t>7.2.4</t>
  </si>
  <si>
    <t>7.2.5</t>
  </si>
  <si>
    <t>7.2.6</t>
  </si>
  <si>
    <t>7.3</t>
  </si>
  <si>
    <t>7.3.1</t>
  </si>
  <si>
    <t>7.3.2</t>
  </si>
  <si>
    <t>7.3.3</t>
  </si>
  <si>
    <t>7.3.4</t>
  </si>
  <si>
    <t>7.3.5</t>
  </si>
  <si>
    <t>7.3.6</t>
  </si>
  <si>
    <t>7.3.7</t>
  </si>
  <si>
    <t>7.3.8</t>
  </si>
  <si>
    <t>7.3.9</t>
  </si>
  <si>
    <t>7.3.10</t>
  </si>
  <si>
    <t>7.3.11</t>
  </si>
  <si>
    <t>7.4</t>
  </si>
  <si>
    <t>7.4.1</t>
  </si>
  <si>
    <t>7.4.2</t>
  </si>
  <si>
    <t>7.4.3</t>
  </si>
  <si>
    <t>7.5</t>
  </si>
  <si>
    <t>Položka č.8 - Servisná podpora</t>
  </si>
  <si>
    <t>8.1</t>
  </si>
  <si>
    <t>8.1.1</t>
  </si>
  <si>
    <t>8.1.2</t>
  </si>
  <si>
    <t>8.1.3</t>
  </si>
  <si>
    <t>8.1.4</t>
  </si>
  <si>
    <t>8.1.5</t>
  </si>
  <si>
    <t>8.1.6</t>
  </si>
  <si>
    <t>8.1.7</t>
  </si>
  <si>
    <t>8.2</t>
  </si>
  <si>
    <t>8.2.1</t>
  </si>
  <si>
    <t>8.2.2</t>
  </si>
  <si>
    <t>8.3</t>
  </si>
  <si>
    <t>8.3.1</t>
  </si>
  <si>
    <t>8.3.2</t>
  </si>
  <si>
    <t>8.4</t>
  </si>
  <si>
    <t>8.5</t>
  </si>
  <si>
    <t>Dodávateľ riešenia zodpovedá za to, že servisnú podporu dodaného riešenia u odberateľa vykonávajú osoby, ktoré sú certifikované na odborné vykonanie prác týkajúcich sa servisnej podpory jednotlivých položiek dodaného diela (Informačného systému).</t>
  </si>
  <si>
    <t>8.6</t>
  </si>
  <si>
    <t>9.1</t>
  </si>
  <si>
    <t>9.1.1</t>
  </si>
  <si>
    <t>9.1.2</t>
  </si>
  <si>
    <t>9.1.3</t>
  </si>
  <si>
    <t>9.1.4</t>
  </si>
  <si>
    <t>9.1.5</t>
  </si>
  <si>
    <t>9.2</t>
  </si>
  <si>
    <t>9.2.1</t>
  </si>
  <si>
    <t>9.2.2</t>
  </si>
  <si>
    <t>9.2.3</t>
  </si>
  <si>
    <t>9.2.4</t>
  </si>
  <si>
    <t>9.2.5</t>
  </si>
  <si>
    <t>9.2.6</t>
  </si>
  <si>
    <t>9.2.7</t>
  </si>
  <si>
    <t>9.2.8</t>
  </si>
  <si>
    <t>9.2.9</t>
  </si>
  <si>
    <t>9.2.10</t>
  </si>
  <si>
    <t>9.2.11</t>
  </si>
  <si>
    <t>9.2.12</t>
  </si>
  <si>
    <t>9.2.13</t>
  </si>
  <si>
    <t>9.2.14</t>
  </si>
  <si>
    <t>9.2.15</t>
  </si>
  <si>
    <t>9.2.16</t>
  </si>
  <si>
    <t>9.2.17</t>
  </si>
  <si>
    <t>9.2.18</t>
  </si>
  <si>
    <t>9.2.19</t>
  </si>
  <si>
    <t>9.2.20</t>
  </si>
  <si>
    <t>9.2.21</t>
  </si>
  <si>
    <t>9.2.22</t>
  </si>
  <si>
    <t>9.2.23</t>
  </si>
  <si>
    <t>9.2.24</t>
  </si>
  <si>
    <t>9.2.25</t>
  </si>
  <si>
    <t>9.2.26</t>
  </si>
  <si>
    <t>9.2.27</t>
  </si>
  <si>
    <t>9.2.28</t>
  </si>
  <si>
    <t>9.2.29</t>
  </si>
  <si>
    <t>9.2.30</t>
  </si>
  <si>
    <t>9.2.31</t>
  </si>
  <si>
    <t>9.2.32</t>
  </si>
  <si>
    <t>9.2.33</t>
  </si>
  <si>
    <t>9.2.34</t>
  </si>
  <si>
    <t>9.2.35</t>
  </si>
  <si>
    <t>9.2.36</t>
  </si>
  <si>
    <t>9.2.37</t>
  </si>
  <si>
    <t>9.2.38</t>
  </si>
  <si>
    <t>9.2.39</t>
  </si>
  <si>
    <t>9.2.40</t>
  </si>
  <si>
    <t>9.2.41</t>
  </si>
  <si>
    <t>9.2.42</t>
  </si>
  <si>
    <t>9.2.43</t>
  </si>
  <si>
    <t>9.2.44</t>
  </si>
  <si>
    <t>9.2.45</t>
  </si>
  <si>
    <t>9.2.46</t>
  </si>
  <si>
    <t>9.2.47</t>
  </si>
  <si>
    <t>9.2.48</t>
  </si>
  <si>
    <t>9.3</t>
  </si>
  <si>
    <t>9.3.1</t>
  </si>
  <si>
    <t>9.3.2</t>
  </si>
  <si>
    <t>9.3.3</t>
  </si>
  <si>
    <t>9.3.4</t>
  </si>
  <si>
    <t>9.3.5</t>
  </si>
  <si>
    <t>9.3.6</t>
  </si>
  <si>
    <t>9.3.7</t>
  </si>
  <si>
    <t>9.3.8</t>
  </si>
  <si>
    <t>9.3.9</t>
  </si>
  <si>
    <t>9.3.10</t>
  </si>
  <si>
    <t>9.3.11</t>
  </si>
  <si>
    <t>9.3.12</t>
  </si>
  <si>
    <t>9.3.13</t>
  </si>
  <si>
    <t>9.3.14</t>
  </si>
  <si>
    <t>9.3.15</t>
  </si>
  <si>
    <t>9.3.16</t>
  </si>
  <si>
    <t>9.3.17</t>
  </si>
  <si>
    <t>9.3.18</t>
  </si>
  <si>
    <t>9.3.19</t>
  </si>
  <si>
    <t>9.3.20</t>
  </si>
  <si>
    <t>9.4</t>
  </si>
  <si>
    <t>9.4.1</t>
  </si>
  <si>
    <t>9.4.2</t>
  </si>
  <si>
    <t>9.4.3</t>
  </si>
  <si>
    <t>9.4.4</t>
  </si>
  <si>
    <t>9.4.5</t>
  </si>
  <si>
    <t>9.4.6</t>
  </si>
  <si>
    <t>9.4.7</t>
  </si>
  <si>
    <t>9.5</t>
  </si>
  <si>
    <t>9.5.1</t>
  </si>
  <si>
    <t>9.5.2</t>
  </si>
  <si>
    <t>9.5.3</t>
  </si>
  <si>
    <t>9.5.4</t>
  </si>
  <si>
    <t>9.5.5</t>
  </si>
  <si>
    <t>9.5.6</t>
  </si>
  <si>
    <t>9.5.7</t>
  </si>
  <si>
    <t>9.5.8</t>
  </si>
  <si>
    <t>Modul Denník, určený pre každodenné spracovanie záznamov. S modulom Denník by mal mať možnosť pracovať každý pracovník/používateľ, ktorý je spracovateľom určitej agendy a je teda potrebné zabezpečiť evidenciu takýchto záznamov a súvisiacich informácií.</t>
  </si>
  <si>
    <t>Ďalšie požadované vlastností a funkcionality</t>
  </si>
  <si>
    <t>Požaduje sa okrem dodávky tovarov aj dodanie diela (riešenia):</t>
  </si>
  <si>
    <t>Objednávateľ si vyhradzuje právo prevziať iba tovar spĺňajúci všetky technické vlastnosti uvedené v Technickej špecifikácií predmetu zmluvy, ktorý je funkčný, bez zjavných vád, dodaný v kompletnom stave a v požadovanom množstve.</t>
  </si>
  <si>
    <t>Objednávateľ si týmto vyhradzuje právo na posúdenie, či ponúkané riešenie je plne kompatibilné s existujúcim riešením.</t>
  </si>
  <si>
    <t>Dodávateľ predmetu zákazky je povinný dodať tovar podľa tejto zmluvy nový, nerepasovaný. Tovar nesmie byť pred dodaním používaný, opotrebovaný, ani iným spôsobom čiastočne alebo úplne znehodnotený vo svojich technických a/alebo materiálových vlastnostiach. Tovar nesmie pochádzať z výstav alebo byť pred dodaním vystavovaný.</t>
  </si>
  <si>
    <t>Príloha č. 3</t>
  </si>
  <si>
    <t>Zoznam služieb, lokalít, kontaktných osôb  a zariadení</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 v prípade, . Uchádzač predloženým dokladom preukáže, že všetky ponúkané produkty spĺňajú technické požiadavky, ktoré sa na určený výrobok vzťahujú v súlade so zákonom č. 56/2018 Z. z. o technických požiadavkách na výrobky a o posudzovaní zhody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Požaduje sa zároveň aj uzatvorenie osobitnej zmluvy o spracúvaní osobných údajov podľa zákona č. 18/2018 Z. z. o ochrane osobných údajov a o zmene a doplnení niektorých zákonov a  Nariadenia Európskeho parlamentu a Rady (EÚ) č. 2016/679 o ochrane fyzických osôb pri spracúvaní osobných údajov a o voľnom pohybe takýchto údajov, ktorým sa zrušuje smernica 95/46/ES (všeobecné nariadenie o ochrane údajov), ktorou kupujúci ako prevádzkovateľ poverí predávajúceho ako sprostredkovateľa spracúvaním osobných údajov za účelom zasielania pravidelných reportov o bezpečnostných incidentoch a hrozbách, ktoré sa udejú u prevádzkovateľa.</t>
  </si>
  <si>
    <t>do 6 mesiacov od dňa nadobudnutia účinnosti zmluvy resp. odo dňa doručenia Oznámenia o splnení objednávateľom stanovených podmienok a požiadaviek na predmet zákazky dodávateľovi (ďalej len "Oznámenie"),</t>
  </si>
  <si>
    <t>v pracovných dňoch v čase od 09:00 hod. do 17:00 hod.,</t>
  </si>
  <si>
    <t xml:space="preserve">do sídla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dodacím listom, ktorý musí obsahovať okrem povinných náležitostí aj číslo objednávky (ak bola vystavená), číslo zmluvy,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podľa aktuálne platného colného sadzobníka,
- údaj o krajine pôvodu (t. j. krajina kde bol vyrobený).</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mluvy</t>
  </si>
  <si>
    <t>Požaduje sa, aby počas plnenia zmluvy bol Dodávateľ autorizovaný a certifikovaný na dodávku, inštaláciu a servis ponúkaných zariadení a softvéru.</t>
  </si>
  <si>
    <t>Dodávateľ predmetu zákazky je povinný do 3 pracovných dní od uzavretia zmluvy predložiť potvrdenie výrobcu, že je autorizovaný / certifikovaný na dodávku, inštaláciu, migráciu a servis predmetnej infraštruktúry ako aj ponúknutých zariadení a softvéru. Pre systém VMware využívaný Objednávateľom Dodávateľ musí preukázať platný certifikát VCP (VMware Certified Professional) pracovníkov, ktorí budú vykonávať implementáciu a servis riešenia. Rovnako je požadovaný aj platný certifikát k implementácii a servisu Položky č. 2. Objednávateľ požaduje predloženie vyššie uvedených dokladov z dôvodu, aby Dodávateľ preukázal schopnosti s realizáciou predmetu zákazky.</t>
  </si>
  <si>
    <t>Do 3 pracovných dní od uzavretia zmluvy predloží Dodávateľ elektronicky emailom na emailovú adresu kontaktnej osoby Objednávateľa prospekty zariadení, ktoré musia obsahovať minimálne označenie výrobcu, názov príslušnej položky určený výrobcom, ako aj hodnoty tých parametrov, ktoré sú uvedené v Špecifikácii (ďalej „prospekt“); hodnoty uvedené v prospekte musia byť potvrdené výrobcom, alebo inou príslušnou autoritou v súlade so skutočnými vlastnosťami dodávaného plnenia.</t>
  </si>
  <si>
    <t>Ak dodávateľ nepredloží alebo predloží Objednávateľovi prospekt plnenia a/alebo certifikát, v ktorom ktorákoľvek hodnota nebude v súlade so skutočnými alebo požadovanými vlastnosťami dodávaného plnenia, alebo sa takýto produkt pokúsi dodať, Objednávateľ je oprávnený uplatniť si u dodávateľa zmluvnú pokutu v sume
2 % zo zmluvnej ceny, minimálne však 500 EUR (slovom: päťsto EUR), za každé také porušenie, tým nie je dotknutý nárok na náhradu škody.</t>
  </si>
  <si>
    <t>Objednávateľ predmetu zákazky si vyhradzuje právo prevziať iba tovar spĺňajúci všetky technické vlastnosti uvedené v Technickej špecifikácií predmetu zákazky, ktorý je funkčný, bez zjavných vád, dodaný v kompletnom stave a v požadovanom množstve. V opačnom prípade si Objednávateľ predmetu zákazky vyhradzuje právo nepodpísať dodací list, neprevziať dodaný tovar a nezaplatiť cenu za riadne nedodaný tovar.</t>
  </si>
  <si>
    <t>Súčasťou záväzku dodávateľa je zároveň poskytnutie písomných dokladov potrebných pre riadne a bezchybné použitie zariadenia na stanovený účel, a to najmä, no nie len výlučne: návod na použitie v slovenskom alebo anglickom jazyku, záručný list, preberací (akceptačný) protokol, inštalačný protokol, protokol o odbornom zaškolení zamestnancov Objednávateľa s obsluhou.</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Objednávateľom do 14 kalendárnych dní odo dňa jej doručenia Objednávateľovi sa Dodávateľ zaväzuje vystaviť dobropis vo výške ... %*  z faktúrovanej sumy.                                                                                                                                                             </t>
    </r>
    <r>
      <rPr>
        <sz val="9"/>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Dodávateľ je oprávnený vystavovať faktúry za Položku č. 8 (Servisná podpora) vo výške paušálnej odmeny resp. alikvotnej platby za mesiac, a to vždy k poslednému dňu príslušného kalendárneho mesiaca. 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t>
  </si>
  <si>
    <t>Kúpna cena zahŕňa aj služby spojené s dodaním, t. j. zabezpečenie dopravy do dohodnutého miesta dodania, dopravu Dodávateľa do miesta poskytnutia služby a späť, ako aj všetky ostatné náklady Dodávateľa vynaložené v súvislosti s dodaním  a/alebo poskytnutím služieb Objednávateľovi, uvedením do prevádzky (inštaláciou), zaškolením obsluhy, poskytnutím užívateľskej dokumentácie, poskytnutím hardvéru a licencie k nim, prevodom vlastníctva na Objednávateľa, ako aj poskytovanie servisu v mieste inštalácie.</t>
  </si>
  <si>
    <t xml:space="preserve">Dodávateľ poskytuje na predmet zákazky a všetky jeho súčasti (ďalej len "zariadenie") komplexnú záruku v trvaní 48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vykonávať Dodávateľ autorizovaným servisom po dobu trvania záručnej doby za účelom bezporuchovej prevádzky a za účelom udržania všetkých parametrov uvedených v technickej špecifikácií. Objednávateľ si vyhradzuje právo, v prípade potreby, vyžiadať od Dodávateľa predloženie dokladu, prostredníctvom ktorého preukáže oprávnenosť vykonávať autorizovaný servis. Opatreniami sa rozumie najmä, nie však výlučne:</t>
  </si>
  <si>
    <t>20.1.</t>
  </si>
  <si>
    <t>oprava vád a porúch, t. j. uvedenie do stavu plnej využiteľnosti vzhľadom k jeho technickým parametrom,</t>
  </si>
  <si>
    <t>20.2.</t>
  </si>
  <si>
    <t>dodávka a výmena všetkých potrebných náhradných dielov a súčiastok v prípade ich poruchy, ktoré sami o sebe majú kratšiu dobu životnosti, alebo kratšiu záručnú dobu, ako je záručná doba poskytovaná Dodávateľom,</t>
  </si>
  <si>
    <t>20.3.</t>
  </si>
  <si>
    <t>vykonanie štandardných vylepšení odporúčaných a predpísaných výrobcom, vrátane vykonania servisných aktualizácií, t. j. servisný update softwarového vybavenia,</t>
  </si>
  <si>
    <t>20.4.</t>
  </si>
  <si>
    <t>dodávky a zabudovanie náhradných dielov, ktoré sú potrebné k riadnej a bezporuchovej prevádzke, vrátane demontáže, odvozu a likvidácie použitého a nepotrebného spotrebného materiálu a náhradných dielov,</t>
  </si>
  <si>
    <t>20.5.</t>
  </si>
  <si>
    <t>vykonanie validácií a kalibrácií (resp. relevantných častí) s periodicitou podľa odporúčania výrobcu, minimálne však jedenkrát ročne,</t>
  </si>
  <si>
    <t>20.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20.7.</t>
  </si>
  <si>
    <t>20.8.</t>
  </si>
  <si>
    <t>práce (servisné hodiny) a dojazdy servisných technikov Dodávateľa do miesta inštalácie v rámci zabezpečenia záručného servisu,</t>
  </si>
  <si>
    <t>20.9.</t>
  </si>
  <si>
    <t>vykonanie akýchkoľvek neplánovaných opráv a údržby, ktoré nevyplývajú zo servisného plánu výrobcu, ak takáto oprava je nevyhnutná za účelom zabezpečenia prevádzky, vrátane generálnej opravy,</t>
  </si>
  <si>
    <t>20.10.</t>
  </si>
  <si>
    <t>Služby technickej podpory na dodané riešenie, musia byť poskytované Dodávateľom:</t>
  </si>
  <si>
    <t>21.1.</t>
  </si>
  <si>
    <t>minimálne po dobu 48 mesiacov od protokolárneho prevzatia diela Objednávateľom,</t>
  </si>
  <si>
    <t>21.2.</t>
  </si>
  <si>
    <t>nástup na servis a riešenie servisných požiadaviek Objednávateľa podľa priority s dostupnosťou 24x7 (24 hodín 7 dní v týždni), s reakčnými dobami podľa zmluvnej Prílohy č. 1, ak nie je uvedené inak, tak nasledovne:</t>
  </si>
  <si>
    <t>21.2.1.</t>
  </si>
  <si>
    <t>Priorita 1 - spravidla, ak je situácia veľmi naliehavá a prevádzkové problémy znemožňujú používanie informačný systém (IS); t. j. nie je zabezpečená elektronická komunikácia a tok dát IS Objednávateľa a neexistuje postup pre náhradné riešenie problému použitím bežných postupov v kompetencii správcu systému. Takéto prevádzkové problém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6 hod</t>
  </si>
  <si>
    <t>21.2.2.</t>
  </si>
  <si>
    <t>Priorita 2 - spravidla pre incidenty, obmedzujúce používanie IS pre skupinu užívateľov a spôsobujúce významné problémy pri používaní, avšak sú prekonateľné dočasným náhradným postupom. Takéto incident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NBD (Next Business Day)</t>
  </si>
  <si>
    <t>21.2.3.</t>
  </si>
  <si>
    <t>Priorita 3 – spravidla pre incidenty, ktoré majú dopad na malý počet užívateľov a/alebo, ktoré komplikujú postupy pri práci v rámci IS, t. j. prejavujú sa v nezhode ovládania či výstupov so správaním popísaným v dokumentácii/helpe, alebo nie sú uvedené v predchádzajúcich kategóriách. Takéto incidenty sú riešené z obidvoch strán počas pracovnej doby. Nahlásenie takéhoto incidentu je realizované spísaním záznamu do helpdeskového systému Dodávateľa.
TTO (Time To Own) = 1 hod, TTR (Time To Resolve) = 72 hod</t>
  </si>
  <si>
    <t>21.2.4.</t>
  </si>
  <si>
    <t>Priorita 4 – spravidla pre incidenty s dopadom na malý počet užívateľov, (spravidla jeden) – a s nízkou dôležitosťou. Takéto Incidenty sú riešené z obidvoch strán počas pracovnej doby. Nahlásenie takéhoto incidentu je realizované spísaním záznamu do helpdeskového systému Dodávateľa.
TTO (Time To Own) = 1 hod, TTR (Time To Resolve) = 96 hod</t>
  </si>
  <si>
    <t>Dodávateľ je povinný nastúpiť na odstránenie vady a túto vadu odstrániť a uviesť zariadenie do bežnej prevádzky v mieste inštalácie zariadenia podľa priority a termínov uvedených v Prílohe č. 2. V prípade nedodržania niektorej z uvedených lehôt, má Objednávateľ právo požadovať od Dodávateľa za každé jedno porušenie zmluvnú pokutu za nedodržanie lehôt spojených so zárukou v nasledujúcej výške:</t>
  </si>
  <si>
    <t>22.1.</t>
  </si>
  <si>
    <t>nedodržanie lehoty príchodu servisného technika alebo nezačatie odstraňovania vady formou vzdialeného prístupu: 100 EUR (slovom: sto EUR) za každú začatú hodinu omeškania, najviac však do výšky 10% kúpnej ceny riešenia a to pre každý jednotlivý prípad omeškania Dodávateľa,</t>
  </si>
  <si>
    <t>22.2.</t>
  </si>
  <si>
    <t>nedodržanie dohodnutých lehôt na odstránenie vady: 100 EUR (slovom: sto EUR) za každú začatú hodinu omeškania, najviac však do výšky 10% kúpnej ceny zariadenia a to pre každý jednotlivý prípad omeškania Dodávateľa.</t>
  </si>
  <si>
    <t>Objednávateľ je oprávnený vadu, ktorú zistí na zariadení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vyššie uvedenú e-mailovú adresu Dodávateľa.</t>
  </si>
  <si>
    <t>Dodávateľ nesie zodpovednosť za to, že služby servisu a údržby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Elektronický informačný systém pre efektívne centrálne spravovanie dokumentov organizácie a zabezpečenie ich elektronickej archivácie. Systém, ktorý zahŕňa aplikáciu medzinárodných technických noriem v oblasti správy záznamov, správy dokumentov ako aj požiadaviek na riadenie dokumentov a záznamov v integrovaných systémoch riadenia, definovanie workflow a procesov schvaľovania. Systém musí okrem iného obsahovať špecifické funkcie a detaily potrebné pre spracovanie odborných agend ako sú zmluvy s dlhou dobou platnosti (prechod medzi viacerými rokmi a s tým spojená problematika – napr. číslovanie zmlúv atď.), projektová dokumentácia, obchodná agenda a pod.
V oblasti evidencie a správy zmlúv s dlhodobou platnosťou musí systém umožňovať jednotným spôsobom spravovať nielen samotné zmluvy, ale aj korešpondenciu a komunikáciu v rámci zmluvného vzťahu, ukladanie podkladov, elektronických dokumentov, e-mailov, záznamov telefonických rozhovorov spoločne v rámci jedného spisu. Užívateľ musí mať neustály prehľad nielen o platnom dodatku ale mať aj okamžitý prístup k prvotnej zmluve a dokumentom, ktoré s ňou súvisia. Informačný systém musí umožňovať „spis“ rozčleniť podľa doteraz zaužívaného členenia a tým aj sledovať prípadnú úplnosť spisu, jeho stav a vybavenosť a pod.
Spisy po skončení platnosti (života) – ako uzatvorené spisy musí byť možné naďalej spravovať v tzv. príručnej registratúre, resp. sa po uplynutí doby stanovenej registratúrnym poriadkom prevedú do registratúrneho strediska, kde sú spravované po dobu lehoty uloženia v súlade s registratúrnym plánom organizácie.
V prípade potreby je možný aj prístup k takýmto dokumentom. Systém je možné priebežne rozširovať o ďalšie špecializované agendy ako aj rozšíriť na klasický systém správy registratúry.
Informačný systém má byť u obstarávateľa prevádzkovaný na centrálnom serveri, ktorý umožní centrálnu správu metaúdajov o spravovaných dokumentoch ako aj zaistí bezpečné uloženie spravovaných elektronických dokumentov a ich verzií.
Jednotlivé skupiny dokumentov ako aj jednotlivé dokumenty budú užívateľom sprístupnené na základe prístupových oprávnení, nastavených správcom aplikácie.</t>
  </si>
  <si>
    <t>Nástroje pre administráciu a správu pre užívateľské prispôsobenie dodaného Informačného systému:</t>
  </si>
  <si>
    <t>- Definícia a konfigurácia globálnych parametrov Informačného systému, jeho modulov a ich agendy.</t>
  </si>
  <si>
    <t>- Definícia členenia agendy.</t>
  </si>
  <si>
    <t>- Definícia prístupových práv v Informačnom systéme.</t>
  </si>
  <si>
    <t>- Používateľské prispôsobenie klientskeho rozhrania programov Informačného systému.</t>
  </si>
  <si>
    <t>- Funkcionalita pre naplnenie číselníkov organizačných úsekov, stredísk, oddelení a zamestnancov.</t>
  </si>
  <si>
    <t>- Nastavenie parametrov číslovania.</t>
  </si>
  <si>
    <t>- Prostredie a funkcionality pre systémové nastavenia.</t>
  </si>
  <si>
    <t>- Funkcionalita pre import údajov z okolitých IS (rôzne číselníky, adresáre atď.).</t>
  </si>
  <si>
    <t>- Grafické používateľské prostredie (GUI) pre návrh a nastavenie schvaľovacích procesov.</t>
  </si>
  <si>
    <t>- Návrhár používateľských metadát.</t>
  </si>
  <si>
    <t>- Grafické používateľské prostredie (GUI) pre návrh vlastných/osobitných tlačových zostáv.</t>
  </si>
  <si>
    <t>- Podpora systematizácie vlastných pracovných postupov.</t>
  </si>
  <si>
    <t>- Podpora unifikácie business procesov.</t>
  </si>
  <si>
    <t>- Podpora tímovej spolupráce a interakcie pracovníkov.</t>
  </si>
  <si>
    <t>- Možnosť integrácie s ďalšími systémami Obstarávateľa (ERP, NIS atď.).</t>
  </si>
  <si>
    <t>- Podpora dodržiavania presne zadefinovaných postupov a procesov (Workflow).</t>
  </si>
  <si>
    <t>- Denník záznamov musí dokázať komunikovať na natívnej úrovni s databázovým serverom.</t>
  </si>
  <si>
    <t>- Denník záznamov poskytuje úplný rozsah funkcií pre správu metadát ako aj samotných dokumentov rôznych typov.</t>
  </si>
  <si>
    <t>- Rozhranie je optimalizované na správu veľkého množstva dokumentov, umožňuje veľmi rýchle spracovanie aj najzložitejších dotazov, okamžité zoraďovanie aj veľkého množstva údajov o dokumentoch.</t>
  </si>
  <si>
    <t>- Ergonómia celého riešenia, musí byť prispôsobovaná potrebe vykonávať čo najmenej nevyhnutných úkonov pre spracovanie aj veľmi veľkého množstva záznamov (drag and drop evidovanie súborov, využívanie pomocných textov, klávesové skratky, kontextové menu, atď.).</t>
  </si>
  <si>
    <t>Základné pohľady Denníka na spravované dokumenty:</t>
  </si>
  <si>
    <r>
      <rPr>
        <b/>
        <sz val="10"/>
        <rFont val="Arial"/>
        <family val="2"/>
        <charset val="238"/>
      </rPr>
      <t>- Na úrovni individuálneho spracovateľa dokumentov</t>
    </r>
    <r>
      <rPr>
        <sz val="10"/>
        <rFont val="Arial"/>
        <family val="2"/>
        <charset val="238"/>
      </rPr>
      <t xml:space="preserve"> poskytuje prehľad o dokumentoch zaradených v systémových zložkách a vlastných dokumentových zložkách vytvorených samotným užívateľom vo vlastnom užívateľskom rozhraní (súkromné, verejné a projektové zložky s možnosťou vytvárania dynamických zložiek).</t>
    </r>
  </si>
  <si>
    <r>
      <rPr>
        <b/>
        <sz val="10"/>
        <rFont val="Arial"/>
        <family val="2"/>
        <charset val="238"/>
      </rPr>
      <t>- Na úrovni procesnej logiky organizácie</t>
    </r>
    <r>
      <rPr>
        <sz val="10"/>
        <rFont val="Arial"/>
        <family val="2"/>
        <charset val="238"/>
      </rPr>
      <t xml:space="preserve"> aplikácia zobrazuje stromovú štruktúru určenú pre členenie dokumentov podľa vecnej príslušnosti na základe registratúrneho plánu spoločnosti.
Výberom položky v stromovej štruktúre registratúrneho plánu sa užívateľovi na základe nastavených oprávnení zobrazí zoznam všetkých spisov uložených v danej zložke.
Kliknutím na príslušný spis sa zobrazí zoznam všetkých dokumentov, ktoré spis obsahuje – teda pokiaľ je spisom napríklad zákazka, bude obsahovať všetky zaevidované podklady, korešpondenciu, e-maily. Zároveň však po kliknutí na príslušný spis bude možné zobraziť všetky súvisiace dokumenty, týkajúce sa zákazky, nachádzajúce sa v spisoch iných agend (zmluvy, dodatky zmlúv, účtovné záznamy, faktúry, dodacie listy).
Kliknutím na záznam sa zobrazia elektronické dokumenty pripojené k záznamu.</t>
    </r>
  </si>
  <si>
    <r>
      <rPr>
        <b/>
        <sz val="10"/>
        <rFont val="Arial"/>
        <family val="2"/>
        <charset val="238"/>
      </rPr>
      <t>- Na úrovni správy zákazníckej alebo personálnej dokumentácie</t>
    </r>
    <r>
      <rPr>
        <sz val="10"/>
        <rFont val="Arial"/>
        <family val="2"/>
        <charset val="238"/>
      </rPr>
      <t xml:space="preserve"> - pri výbere náhľadu na zoznam klientov sa po kliknutí na daného klienta okamžite zobrazia všetky dokumenty, ktoré boli z jeho strany doručené, ako aj dokumenty, ktoré mu boli odoslané, alebo iným spôsobom s daným zákazníkom komunikované.
Túto funkčnosť musí byť možné rozširovať na základe konkrétnych podmienok, aby bolo možné vytvoriť napr. elektronický menný register partnerov, klientov alebo personálnu agendu.</t>
    </r>
  </si>
  <si>
    <r>
      <rPr>
        <b/>
        <sz val="10"/>
        <rFont val="Arial"/>
        <family val="2"/>
        <charset val="238"/>
      </rPr>
      <t>- Na úrovni správy riadenej dokumentácie</t>
    </r>
    <r>
      <rPr>
        <sz val="10"/>
        <rFont val="Arial"/>
        <family val="2"/>
        <charset val="238"/>
      </rPr>
      <t xml:space="preserve"> aplikácia umožňuje evidenciu, pripomienkovanie, schvaľovanie, revíziu, zverejnenie verzií riadenej dokumentácie (procesov, poriadkov, smerníc, atď.).</t>
    </r>
  </si>
  <si>
    <t>Workflow (WF) musí byť možné zabezpečiť vstavanou funkčnosťou, prípadne naviazať na externý WF systém, alebo MS Outlook a Kerio Connect mail systém, prípadne pre budúcnosť MS Exchange.</t>
  </si>
  <si>
    <t>- Spracovanie doručených záznamov.</t>
  </si>
  <si>
    <t>- Evidovanie vlastných vzniknutých záznamov.</t>
  </si>
  <si>
    <t>- Vytváranie dokumentov rôznych formátov (napr. MS Word, zvukových, skenovaných) a ich pričlenenie k záznamom (zápisom v denníku).</t>
  </si>
  <si>
    <t>- Možnosť pripájania súborov drag and drop.</t>
  </si>
  <si>
    <t>- Možnosť vypĺňania polí v šablónach MS Word dokumentov metadátami záznamu.</t>
  </si>
  <si>
    <r>
      <t xml:space="preserve">- Možnosť evidovania elektronických správ zo </t>
    </r>
    <r>
      <rPr>
        <b/>
        <sz val="10"/>
        <rFont val="Arial"/>
        <family val="2"/>
        <charset val="238"/>
      </rPr>
      <t>slovensko.sk</t>
    </r>
    <r>
      <rPr>
        <sz val="10"/>
        <rFont val="Arial"/>
        <family val="2"/>
        <charset val="238"/>
      </rPr>
      <t xml:space="preserve"> priamo z rozhrania Denníka.</t>
    </r>
  </si>
  <si>
    <r>
      <t xml:space="preserve">- Možnosť </t>
    </r>
    <r>
      <rPr>
        <b/>
        <sz val="10"/>
        <rFont val="Arial"/>
        <family val="2"/>
        <charset val="238"/>
      </rPr>
      <t>elektronického podpisovania</t>
    </r>
    <r>
      <rPr>
        <sz val="10"/>
        <rFont val="Arial"/>
        <family val="2"/>
        <charset val="238"/>
      </rPr>
      <t xml:space="preserve"> priamo v rozhraní modulu Denník.</t>
    </r>
  </si>
  <si>
    <r>
      <t>- Prehliadač elektronických XML správ zo</t>
    </r>
    <r>
      <rPr>
        <b/>
        <sz val="10"/>
        <rFont val="Arial"/>
        <family val="2"/>
        <charset val="238"/>
      </rPr>
      <t xml:space="preserve"> slovensko.sk</t>
    </r>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má zabezpečiť, aby zdokumentované postupy boli z hľadiska správy a riadenia dokumentov a informácií dodržiavané.</t>
    </r>
  </si>
  <si>
    <r>
      <rPr>
        <b/>
        <sz val="10"/>
        <rFont val="Arial"/>
        <family val="2"/>
        <charset val="238"/>
      </rPr>
      <t>- Centrálna správa šablón dokumentov</t>
    </r>
    <r>
      <rPr>
        <sz val="10"/>
        <rFont val="Arial"/>
        <family val="2"/>
        <charset val="238"/>
      </rPr>
      <t xml:space="preserve"> (možnosť z jedného miesta zverejňovať a sťahovať dokumenty pre všetkých oprávnených používateľov) a ich využívanie používateľmi (hlavičkový papier, formuláre, tlačivá), ktoré Obstarávateľ používa.</t>
    </r>
  </si>
  <si>
    <r>
      <t xml:space="preserve">- Možnosť </t>
    </r>
    <r>
      <rPr>
        <b/>
        <sz val="10"/>
        <rFont val="Arial"/>
        <family val="2"/>
        <charset val="238"/>
      </rPr>
      <t>sledovania verzií dokumentov</t>
    </r>
    <r>
      <rPr>
        <sz val="10"/>
        <rFont val="Arial"/>
        <family val="2"/>
        <charset val="238"/>
      </rPr>
      <t xml:space="preserve"> a nastavovania ich platnosti (napr. v prípade smerníc, noriem, postupov atď.).</t>
    </r>
  </si>
  <si>
    <t>- Možnosť evidovania špeciálnych druhov registratúrnych záznamov (zmluvy, zákazky a pod.) jednotným spôsobom s prihliadnutím na ich špecifiká.</t>
  </si>
  <si>
    <r>
      <t xml:space="preserve">- Možnosť </t>
    </r>
    <r>
      <rPr>
        <b/>
        <sz val="10"/>
        <rFont val="Arial"/>
        <family val="2"/>
        <charset val="238"/>
      </rPr>
      <t>riadenia pohybu záznamov a dokumentov v rámci spoločnosti</t>
    </r>
    <r>
      <rPr>
        <sz val="10"/>
        <rFont val="Arial"/>
        <family val="2"/>
        <charset val="238"/>
      </rPr>
      <t xml:space="preserve"> – pridelenie podriadenému organizačnému útvaru alebo inému pracovníkovi oddelenia (s prihliadnutím na nastavenie oprávnení), zdieľanie, odstúpenie záznamov a dokumentov.</t>
    </r>
  </si>
  <si>
    <r>
      <t xml:space="preserve">- Možnosť podrobného </t>
    </r>
    <r>
      <rPr>
        <b/>
        <sz val="10"/>
        <rFont val="Arial"/>
        <family val="2"/>
        <charset val="238"/>
      </rPr>
      <t>sledovania prístupov</t>
    </r>
    <r>
      <rPr>
        <sz val="10"/>
        <rFont val="Arial"/>
        <family val="2"/>
        <charset val="238"/>
      </rPr>
      <t xml:space="preserve"> k záznamom a dokumentom.</t>
    </r>
  </si>
  <si>
    <t>- Viac možností riešiť obeh záznamov v spoločnosti (napr. interná pošta).</t>
  </si>
  <si>
    <t>- Používanie centrálneho adresára pôvodcov záznamov.</t>
  </si>
  <si>
    <t>- Tlač obálok, tlač štítkov na obálky.</t>
  </si>
  <si>
    <t>- Odosielanie záznamov (zápisov) do Podateľne/Výpravne a sledovanie ich aktuálneho stavu (prevzatie Podateľňou/Výpravňou, dátum odoslania).</t>
  </si>
  <si>
    <t>- Možnosť evidovania a odosielania súborov elektronickej pošty.</t>
  </si>
  <si>
    <t>- Možnosť definovania užívateľských metadát pre jednotlivé typy agend.</t>
  </si>
  <si>
    <t>- Kopírovanie súborov.</t>
  </si>
  <si>
    <t>- Prezeranie a tlač preddefinovaných záznamov (alebo zoznamov záznamov).</t>
  </si>
  <si>
    <t>- Pohotové vyhľadávanie záznamov alebo spisov podľa rôznych kritérií.</t>
  </si>
  <si>
    <t>- Možnosť skenovania papierových záznamov (podpora skenera s podávačom).</t>
  </si>
  <si>
    <r>
      <rPr>
        <b/>
        <sz val="10"/>
        <rFont val="Arial"/>
        <family val="2"/>
        <charset val="238"/>
      </rPr>
      <t>- Podpora funkcionality schvaľovacích procesov</t>
    </r>
    <r>
      <rPr>
        <sz val="10"/>
        <rFont val="Arial"/>
        <family val="2"/>
        <charset val="238"/>
      </rPr>
      <t xml:space="preserve"> (workflow), ktorá umožňuje automatické dodržiavanie pravidiel pevne zadefinovaných procesov pri spracovaní a riadení dokumentov.</t>
    </r>
  </si>
  <si>
    <r>
      <rPr>
        <b/>
        <sz val="10"/>
        <rFont val="Arial"/>
        <family val="2"/>
        <charset val="238"/>
      </rPr>
      <t>Tenký klient modulu Denník</t>
    </r>
    <r>
      <rPr>
        <sz val="10"/>
        <rFont val="Arial"/>
        <family val="2"/>
        <charset val="238"/>
      </rPr>
      <t xml:space="preserve"> - možnosť vybavená vybranými funkcionalitami, ktoré bežní užívatelia využívajú najčastejšie. Funkcionalita vhodná pre väčší počet štandardných používateľov. To znamená, používateľov, ktorí riešia dennú agendu s dôrazom na vybavenie, odpovedanie, vytváranie spisov atď..
Požadovaný je formou webovej aplikácie hosťovanej napr. na aplikačnom serveri IIS 7.5 a vyššie.
</t>
    </r>
    <r>
      <rPr>
        <b/>
        <sz val="10"/>
        <rFont val="Arial"/>
        <family val="2"/>
        <charset val="238"/>
      </rPr>
      <t>Funkcionality tohto modulu:</t>
    </r>
  </si>
  <si>
    <t>- Vytváranie a vybavenie spisov.</t>
  </si>
  <si>
    <t>- Vytváranie dokumentov rôznych formátov a ich pričlenenie k záznamom (zápisom v denníku).</t>
  </si>
  <si>
    <t>- Možnosť riadenia pohybu záznamov a dokumentov v rámci spoločnosti - pridelenie podriadenému organizačnému útvaru alebo inému pracovníkovi oddelenia (s prihliadnutím na nastavenie oprávnení).</t>
  </si>
  <si>
    <t>- Odosielanie záznamov (zápisov) do Výpravne a sledovanie ich aktuálneho stavu (prevzatie Výpravňou, dátum odoslania).</t>
  </si>
  <si>
    <t>- Možnosť evidovania súborov elektronickej pošty.</t>
  </si>
  <si>
    <t>- Možnosť vypĺňania polí v šablónach dokumentov metadátami záznamu.</t>
  </si>
  <si>
    <r>
      <t xml:space="preserve">- Možnosť </t>
    </r>
    <r>
      <rPr>
        <b/>
        <sz val="10"/>
        <rFont val="Arial"/>
        <family val="2"/>
        <charset val="238"/>
      </rPr>
      <t>elektronického podpisovania.</t>
    </r>
  </si>
  <si>
    <t>- Prehliadač elektronických XML správ zo slovensko.sk.</t>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zabezpečí, aby zdokumentované postupy boli z hľadiska správy a riadenia dokumentov a informácií dodržiavané.</t>
    </r>
  </si>
  <si>
    <t>Modul Workflow je rozširujúcou funkcionalitou modulu Denník. Umožňuje zadefinovanie všeobecných schvaľovacích procesov na základe podrobnej analýzy bez obmedzenia počtu workflow-ov.</t>
  </si>
  <si>
    <t>Musí mať možnosť formou grafického návrhu definícií schvaľovacích procesov a tak umožniť prehľadnú vizualizáciu workflow procesov.</t>
  </si>
  <si>
    <t>Modul musí byť schopný vytvoriť procesy, pri ktorých je potrebné prejsť postupne viacerými krokmi (30 a viac), pričom pri jednotlivých krokoch sú možné opakovania jednotlivého procesu, zadávanie podmienok na základe číselných atribútov a/alebo slovných atribútov. Tieto kroky môžu smerovať ako do hĺbky procesu, tak aj do šírky samotného procesu.</t>
  </si>
  <si>
    <t>Modul musí byť schopný napárovať sa na ActiveDirectory spoločnosti, pričom bude schopný fungovať na základe organizačnej štruktúry prideľovať v rámci procesu jednotlivé požiadavky na schvaľovanie nadriadeným zamestnacom podľa potreby.</t>
  </si>
  <si>
    <t>3.4</t>
  </si>
  <si>
    <t>Modul musí byť schopný využiť ukončenie jedného procesu ako spúšťač (trigger) na ďalší proces a vytváranie rekurentných/ opakujúcich sa úloh.</t>
  </si>
  <si>
    <t>3.5</t>
  </si>
  <si>
    <t>Modul musí byť schopný tvorby formulárov na mieru ako nástroj na digitizáciu a digitalizáciu procesov a dokumentov.</t>
  </si>
  <si>
    <t>3.6</t>
  </si>
  <si>
    <t>Modul musí byť schopný v určených krokoch procesu využívať KEP (kvalifikovaný elektronický podpis), najmä ale nie len u štatutárov spoločnosti.</t>
  </si>
  <si>
    <t>3.7</t>
  </si>
  <si>
    <t>Modul musí byť schopný generovať preddefinované dokumenty customizovane/vytvorené na mieru podľa nastavenia pre jednotlivcov v spoločnosti (príklad - systém po prihlásení užívateľa do systému a vyplnení dovolenkového lístka doplní meno, priezvisko, oddelenie a pracovnú pozíciu žiadateľa).</t>
  </si>
  <si>
    <t>3.8</t>
  </si>
  <si>
    <t>Modul musí mať možnosť pri jednotlivých procesoch zobraziť analytické dáta pre vybraných užívateľov (najmä administrátorov) ako sú napr. priemerný čas strávený v jednotlivých bodoch, u jednotlivých zamestnancov a pod.. Dané analytické dáta bude možné vyexportovať v súbore .CSV alebo obdobnom editovateľnom súbore.</t>
  </si>
  <si>
    <t>3.9</t>
  </si>
  <si>
    <t>Modul musí mať možnosť nastavenia automatizovaných notifikácií (email, aplikácia) užívateľov pri jednotlivých udalostiach (vytvorenie novej úlohy, neotvorenie, ignorácia zadania, čas a pod.), taktiež notifikovanie nadriadených.</t>
  </si>
  <si>
    <t>3.10</t>
  </si>
  <si>
    <t>Modul musí mať možnosť do procesu zapojiť externých zamestnancov spoločnosti prostredníctvom schvaľovacieho procesu cez online prístupu (web aplikácia) a/alebo prostredníctvom odpovede na email.</t>
  </si>
  <si>
    <t>3.11</t>
  </si>
  <si>
    <t>Požadované funkcionality modulu Workflow:</t>
  </si>
  <si>
    <t>3.11.1</t>
  </si>
  <si>
    <t>- Workflow definíciu je možné spustiť na ktoromkoľvek dokumente, zázname alebo spise, ktorý je zaevidovaný v module Denník.</t>
  </si>
  <si>
    <t>3.11.2</t>
  </si>
  <si>
    <t>- Sledovanie priebehu procesu.</t>
  </si>
  <si>
    <t>3.11.3</t>
  </si>
  <si>
    <t>- Možnosť náhľadu na workflow definície a ich plnenie.</t>
  </si>
  <si>
    <t>3.11.4</t>
  </si>
  <si>
    <t>- Možnosť správy workflow definícií oprávneným užívateľom.</t>
  </si>
  <si>
    <t>3.11.5</t>
  </si>
  <si>
    <t>- Členenie procesov na Aktívne a Ukončené.</t>
  </si>
  <si>
    <t>3.11.6</t>
  </si>
  <si>
    <t>- Sledovanie histórie workflow.</t>
  </si>
  <si>
    <t>3.12</t>
  </si>
  <si>
    <t>Mobilná aplikácia pre funkcionality Worfklow:</t>
  </si>
  <si>
    <t>3.12.1</t>
  </si>
  <si>
    <t>- Responzívny dizajn funkcionalít, určený pre možnosť realizácie schvaľovacích procesov WorkFlow prostredníctvom mobilných zariadení kdekoľvek a kedykoľvek.</t>
  </si>
  <si>
    <t>3.12.2</t>
  </si>
  <si>
    <t>- Možnosť schvaľovania na mobilnom zariadení k urýchleniu procesu spracovania všetkých typov agiend, napr. schválenie vedúcim, riaditeľom v mobilnom zariadení pre zrýchlenie procesu spracovania faktúry alebo iného dokumentu.</t>
  </si>
  <si>
    <t>V module Podateľňa sa zaznamenávajú všetky typy doručených papierových zásielok, ako aj informácii prichádzajúcich z iných zdrojov (sken, zvuk, video, fotografie, e-mail atď.) do spoločnosti.</t>
  </si>
  <si>
    <r>
      <t xml:space="preserve">- Evidencia elektronických správ z portálu </t>
    </r>
    <r>
      <rPr>
        <b/>
        <sz val="10"/>
        <rFont val="Arial"/>
        <family val="2"/>
        <charset val="238"/>
      </rPr>
      <t>slovensko.sk</t>
    </r>
    <r>
      <rPr>
        <sz val="10"/>
        <rFont val="Arial"/>
        <family val="2"/>
        <charset val="238"/>
      </rPr>
      <t xml:space="preserve"> na základe eID prístupu alebo plnej integrácie Informačného systému k portálu </t>
    </r>
    <r>
      <rPr>
        <b/>
        <sz val="10"/>
        <rFont val="Arial"/>
        <family val="2"/>
        <charset val="238"/>
      </rPr>
      <t>slovensko.sk</t>
    </r>
    <r>
      <rPr>
        <sz val="10"/>
        <rFont val="Arial"/>
        <family val="2"/>
        <charset val="238"/>
      </rPr>
      <t xml:space="preserve"> alebo českých dátových schránok.</t>
    </r>
  </si>
  <si>
    <t>- Rýchla kontrola prebratých zásielok voči čiarovým kódom.</t>
  </si>
  <si>
    <t>- Triedenie zásielok.</t>
  </si>
  <si>
    <t>- Prideľovanie záznamov spracovateľom.</t>
  </si>
  <si>
    <t>- Používanie centrálneho adresára pôvodcov.</t>
  </si>
  <si>
    <t>- Možnosť tvorby elektronických súborov ľubovoľného typu už v Podateľni, ich pripojenie k záznamu (zápisu) a odoslanie do Denníkov oddelení alebo konkrétnych spracovateľov.</t>
  </si>
  <si>
    <t>- Tlač doručovacieho hárka.</t>
  </si>
  <si>
    <t>- Skenovanie.</t>
  </si>
  <si>
    <t>- Import súborov.</t>
  </si>
  <si>
    <t>- Vyhľadávanie záznamov podľa vybraných kritérií.</t>
  </si>
  <si>
    <t>- Zadanie metadát k záznamom.</t>
  </si>
  <si>
    <t>- Evidencia elektronickej pošty musí byť zabezpečená ako v Podateľni, tak i v Denníkoch.</t>
  </si>
  <si>
    <t>Modul Výpravňa zásielok slúži na zaistenie evidencie odosielaných papierových zásielok a vytvorenie poštového podacieho hárku v papierovej podobe alebo tzv. EPH – elektronický poštový hárok.</t>
  </si>
  <si>
    <t>- Automatické triedenie zásielok na zásielky, ktoré sa zapisujú do poštového podacieho hárka a ostatné, prípadne podľa ďalších vlastných kritérií.</t>
  </si>
  <si>
    <t>- Záznamy, ktoré sú evidované v Denníku, netreba do Výpravne osobitne zapisovať, vybavovatelia ich do Výpravne zasielajú priamo z Denníka.</t>
  </si>
  <si>
    <t>- Spätná väzba spracovateľovi o stave spracovania zásielky.</t>
  </si>
  <si>
    <t>- Vytvorenie poštového podacieho hárku v papierovej podobe alebo tzv. EPH - elektronický poštový hárok.</t>
  </si>
  <si>
    <t>- Triedenie zásielok podľa ich aktuálneho stavu – prijaté, odoslané.</t>
  </si>
  <si>
    <t>- Možnosť odmietnutia prevzatia zásielky.</t>
  </si>
  <si>
    <t>Elektronické schránky ÚPVS (eSchránky):</t>
  </si>
  <si>
    <r>
      <t>- Možnosť evidovať správy eSchránky tzv. ručnou metódou</t>
    </r>
    <r>
      <rPr>
        <b/>
        <sz val="10"/>
        <rFont val="Arial"/>
        <family val="2"/>
        <charset val="238"/>
      </rPr>
      <t xml:space="preserve"> na základe prihlásenia pomocou eID</t>
    </r>
    <r>
      <rPr>
        <sz val="10"/>
        <rFont val="Arial"/>
        <family val="2"/>
        <charset val="238"/>
      </rPr>
      <t>. Táto možnosť môže byť zabezpečená s využitím integrovaného internetového prehliadača do modulov Podateľňa a Denník. Integrácia musí umožňovať evidovanie elektronických správ zo schránky priamo do uvedených modulov.</t>
    </r>
  </si>
  <si>
    <r>
      <t xml:space="preserve">- Možnosť evidencie správ eSchránky v Informačnom systéme </t>
    </r>
    <r>
      <rPr>
        <b/>
        <sz val="10"/>
        <rFont val="Arial"/>
        <family val="2"/>
        <charset val="238"/>
      </rPr>
      <t>plnou integráciou</t>
    </r>
    <r>
      <rPr>
        <sz val="10"/>
        <rFont val="Arial"/>
        <family val="2"/>
        <charset val="238"/>
      </rPr>
      <t xml:space="preserve"> na základe tzv. Dohody o integračnom zámere (DIZ) s UPVS. Možnosť využiť už podpísaný DIZ Dodávateľa Informačného systému (IS) a pripojiť sa na základe dodatku k DIZ Dodávateľa tohto IS.</t>
    </r>
  </si>
  <si>
    <t>- Pri plnej integrácii sa automatizovaným spôsobom evidujú doručené správy, vytvárajú nové správy, odosielajú správy do schránky, realizuje sa párovanie doručeniek, automatické zaspisovanie správ atď.</t>
  </si>
  <si>
    <t>- Modul registratúrny Denník musí poskytovať všetky možnosti na vytváranie všetkých štandardných typov elektronických dokumentov (v MS Word, MS Excel atď.) vrátane skenovania a evidencie elektronickej pošty z Kerio Connect klienta alebo z MS Outlooku.</t>
  </si>
  <si>
    <t>- Informačný systém musí obsahovať špecializovanú funkcionalitu, ktorú je možné ovládať priamo z rozhrania programu Registratúrny denník. Úlohou tejto funkcionality je dať klientovi možnosť pripraviť si správu „offline“, aby nebolo nutné každú jednu správu vyplňovať vo webovom prostredí stránky slovensko.sk alebo zložito programovať každý jeden typ elektronického formulára s transformovaním do požadovaného formátu. Následne s možnosťou podpísania príloh PDF kvalifikovaným elektronickým podpisom, opatrenie kvalifikovanou časovou pečiatkou a odoslanie cez ÚPVS do schránky ÚPVS adresáta.</t>
  </si>
  <si>
    <t>- Kompletná správa je uložená v systéme Registratúry ako súbor a požaduje sa funkcionalita, ktorá slúži zároveň aj ako prehliadač týchto súborov. Spracovanie v Registratúrnom denníku je tým pádom úplne jednotné ako pri spracovaní iných súborov. Po pripravení a sfinalizovaní podania systém Registratúry musí zaistiť jeho odoslanie a prepojenie s budúcimi rozhodnutiami a ostatnými správami, ktoré sa v tejto veci v budúcnosti vyskytnú.</t>
  </si>
  <si>
    <t>Modul Registratúrne stredisko:</t>
  </si>
  <si>
    <t>- Modul Registratúrne stredisko je určený pre správcu (správcov) registratúrneho strediska (archívu). Pracujú s ním určení používatelia, ktorí majú na základe vnútrofiremnej smernice oprávnenie vstupovať do registratúrneho strediska, dohľadávať záznamy požadované ostatnými pracovníkmi, poskytnúť uložené záznamy ako výpožičky, zabezpečovať vyraďovacie konanie v súlade s platnou legislatívou, atď..</t>
  </si>
  <si>
    <t>- Evidencia spisov odovzdávaných z príručnej registratúry do registratúrneho strediska aj s možnosťou využitia čiarových kódov.</t>
  </si>
  <si>
    <t>- Možnosť podrobnej evidencie obsahu jednotlivých ukladacích jednotiek (až na úroveň záznamu).</t>
  </si>
  <si>
    <t>- Možnosť evidovania samostatných ukladacích jednotiek ako aj možnosť samostatného evidovania ukladacích jednotiek vložených do boxov.</t>
  </si>
  <si>
    <t>- Možnosť samostatného evidovania mzdových listov a osobných spisov.</t>
  </si>
  <si>
    <t>- Vytvorenie lokačného plánu.</t>
  </si>
  <si>
    <t>- Možnosť vedenia evidencie ukladacích jednotiek v samostatných miestnostiach.</t>
  </si>
  <si>
    <t>- Možnosť využívania označenia spisov, záznamov a ukladacích jednotiek pomocou čiarových kódov (tlač preberacích, odovzdávacích a rozdielových zoznamov, vyhľadávanie).</t>
  </si>
  <si>
    <t>- Možnosť rýchleho vyhľadávania a lokalizácie prostredníctvom viacerých samostatných a kombinovateľných parametrov.</t>
  </si>
  <si>
    <t>- Riadenie výpožičiek - tlač výpožičných lístkov.</t>
  </si>
  <si>
    <t>- Rýchle zostavenie predbežných vyraďovacích zoznamov.</t>
  </si>
  <si>
    <t>- Podpora rýchleho vyraďovacieho konania.</t>
  </si>
  <si>
    <t>- Možnosť riešenia tzv. Tenkého klienta s podporou vyhľadávania, zadávania žiadostí o výpožičky.</t>
  </si>
  <si>
    <t>- Tlač štandardizovaných štítkov pre označenie ukladacích jednotiek.</t>
  </si>
  <si>
    <t>- Možnosť samostatnej evidencie personálnych a iných záznamov.</t>
  </si>
  <si>
    <t>- Možnosť vyradenia ukladacích jednotiek do koša.</t>
  </si>
  <si>
    <t>- Možnosť exportu, importu ukladacích jednotiek.</t>
  </si>
  <si>
    <t>- Podpora ďalších funkcionalít napr. vyhľadávanie lokácie na základe xls zoznamu, možnosť komunikácie s priemyselným snímač čiarových kódov, atď..</t>
  </si>
  <si>
    <t>Tlačové zostavy:
 - zoznam ukladacích jednotiek;
 - zoznam ukladacích jednotiek s alebo bez RZ;
 - štítky na šanón, boxy;
 - predbežný vyraďovací zoznam;
 - preberací/odovzdávací/porovnávací zoznam pre ukladaciu jednotku;
 - výpožičný lístok;
 - užívateľské zostavy podľa potrieb klienta.</t>
  </si>
  <si>
    <t>Softvér pre Riadené dokumenty – zmluvy (Tvorba a správa, Read – only):</t>
  </si>
  <si>
    <r>
      <t xml:space="preserve">- Vo </t>
    </r>
    <r>
      <rPr>
        <b/>
        <sz val="10"/>
        <rFont val="Arial"/>
        <family val="2"/>
        <charset val="238"/>
      </rPr>
      <t>verzii Tvorba a správa</t>
    </r>
    <r>
      <rPr>
        <sz val="10"/>
        <rFont val="Arial"/>
        <family val="2"/>
        <charset val="238"/>
      </rPr>
      <t xml:space="preserve"> umožňuje tvorbu riadených dokumentov, modelovanie procesov (návrh, pripomienkovanie, podpisovanie, tvorba dodatkov...), tvorbu aktualizovaných verzií, zverejnenie a/alebo stiahnutie dokumentu a/alebo jeho verzie z obehu, archivácia, naviazanie na registratúru, okamžitá správa dokumentov z jedného miesta, notifikáciu užívateľov.</t>
    </r>
  </si>
  <si>
    <r>
      <t xml:space="preserve">- Vo </t>
    </r>
    <r>
      <rPr>
        <b/>
        <sz val="10"/>
        <rFont val="Arial"/>
        <family val="2"/>
        <charset val="238"/>
      </rPr>
      <t>verzii Read only</t>
    </r>
    <r>
      <rPr>
        <sz val="10"/>
        <rFont val="Arial"/>
        <family val="2"/>
        <charset val="238"/>
      </rPr>
      <t xml:space="preserve"> umožňuje čítanie aktuálnej verzie riadeného dokumentu, ktorá bola zverejnená voči konkrétnemu užívateľovi, neumožňuje prístup k stiahnutým a/alebo neaktuálnym verziám dokumentu. Poskytuje prehľadnú formu len tých dokumentov, ktoré má mať daný pracovník k dispozícii.</t>
    </r>
  </si>
  <si>
    <t>- Elektronizácia procesu tvorby zmlúv, návrhy, pripomienkovanie, podpisovanie, tvorba dodatkov.</t>
  </si>
  <si>
    <t>- Rôzne úrovne prístupu k zmluve v el. podobe podľa prístupových práv.</t>
  </si>
  <si>
    <t>- Automatické číslovanie a kódovanie zmlúv, previazanie na registratúru.</t>
  </si>
  <si>
    <t>- Zverejnenie alebo stiahnutie dokumentu alebo jeho verzie z obehu.</t>
  </si>
  <si>
    <t>- Archivácia zmlúv v elektronickom archíve.</t>
  </si>
  <si>
    <t>- Okamžitá správa dokumentov z jedného miesta.</t>
  </si>
  <si>
    <t>- Notifikácia užívateľov.</t>
  </si>
  <si>
    <t>- Vyhľadávanie v zmluvách podľa rôznych kritérií.</t>
  </si>
  <si>
    <t>- Sledovanie a kontrola plnenia zmlúv - doba platnosti zmluvy, čiastkové plnenia, splátkový kalendár.</t>
  </si>
  <si>
    <t>- Možnosť definovania užívateľských metadát pre jednotlivé typy zmlúv.</t>
  </si>
  <si>
    <t>- Možnosť prípravy verzie zmluvy na zverejnenie na CRZ, samostatná aplikácia na zverejnenie zmlúv na CRZ.</t>
  </si>
  <si>
    <t>Ochrana osobných údajov, GDPR:</t>
  </si>
  <si>
    <t>- V moduloch Informačného systému musí byť funkčne zabezpečená ochrana osobných údajov v súlade s nariadením EU a rady 2016/679 – General Data Protection Regulation (GDPR) a zákona NR SR č. 18/2018 Z. z. o ochrane osobných údajov.</t>
  </si>
  <si>
    <t>- Po naplnení číselníkov, ktoré majú byť jednoducho aplikované počas evidencie dokumentov do Registratúrneho denníka je požadovaný dokonalý prehľad o tom, ktoré osobné údaje, z akých zákonných či iných závažných dôvodov sú uchovávané Obstarávateľom, akým spôsobom a v akej agende spoločnosti sú spracovávané.</t>
  </si>
  <si>
    <t>- Definovanie zoznamu spracovávaných osobných údajov (jednorazovým naplnením číselníkov).</t>
  </si>
  <si>
    <t>- Určenie spôsobov použitia a účelu spracovania osobných údajov (jednorazovým naplnením číselníkov).</t>
  </si>
  <si>
    <t>- Vytváranie štatistík o spracovávaných osobných údajoch.</t>
  </si>
  <si>
    <t>- Zistenie neoprávnene evidovaných resp. nespracovávaných osobných údajov.</t>
  </si>
  <si>
    <t>- Priame vytvorenie ZIP súboru s heslom a jeho uloženie alebo odoslanie elektronickou poštou z prostredia dodaného Informačného systému.</t>
  </si>
  <si>
    <t>- Anonymizovanie - špeciálne šifrovanie častí textu v dokumentoch (napr. z celej strany „skrytie“ len riadku s osobnými či inak tajnými údajmi).</t>
  </si>
  <si>
    <t>Anonymizér:</t>
  </si>
  <si>
    <t>- Od aplikácie Anonymizér požadujeme odstrániť vybraný text s citlivými údajmi v dokumente uloženom v Informačnom systéme. Slúži na reálnu anonymizáciu dokumentov s programovateľným rozhraním pre hromadné „začierňovanie“ anonymizovaných polí. Táto aplikácia je určená najmä pre vybraných užívateľov, ktorí pracujú s dokumentáciou obsahujúcou osobné údaje a túto dokumentáciu zdieľajú s inými užívateľmi, ktorí nemajú oprávnenia pre spracúvanie osobných údajov.</t>
  </si>
  <si>
    <t>- Základné operácie - prehliadanie, zobrazovanie, ukladanie PDF súboru.</t>
  </si>
  <si>
    <t>- Anonymizovanie - „začierňovanie“ údajov v dokumente (manuálne alebo automatickým vložením značiek pre hromadný výber viacerých slov).</t>
  </si>
  <si>
    <t>- Vymazanie/prepísanie údajov z iných zdrojov (vlastnosti dokumentu, vložené prílohy, zdrojové údaje, metaúdaje XMP, podpisy).</t>
  </si>
  <si>
    <t>- Hromadné zmeny v celom dokumente.</t>
  </si>
  <si>
    <t>Obmedzený prístup:</t>
  </si>
  <si>
    <t>- Informačný systém musí umožniť označiť registratúrne záznamy, spisy alebo ukladacie jednotky, ku ktorým chce oprávnený používateľ obmedziť prístup (napr. z dôvodu ochrany osobných údajov), vrátane doby obmedzenia prístupu.</t>
  </si>
  <si>
    <t>Utajované záznamy:</t>
  </si>
  <si>
    <t>- Informačný systém musí zaistiť evidenciu utajovaných registratúrnych záznamov podľa Vyhlášky NBÚ č. 48/2019 Z. z..</t>
  </si>
  <si>
    <t>PDF konvertor:</t>
  </si>
  <si>
    <t>- Funkcionalita PDF konvertor umožňuje konverziu ľubovoľného dokumentu do formátu PDF/A predpísaného pre komunikáciu so štátom. Mal by byť súčasťou modulu Registratúrny Denník.</t>
  </si>
  <si>
    <t>Elektronické podpisovanie:</t>
  </si>
  <si>
    <t>- Modul elektronického podpisovania nad ľubovoľným dokumentom – musí byť integrálnou súčasťou modulu Registratúrny Denník.</t>
  </si>
  <si>
    <t>- Podpisovať musí byť možné aj v priebehu schvaľovacieho konania, v module Riadené dokumenty, pri príprave správy na odoslanie do ÚPVS.</t>
  </si>
  <si>
    <t>- Informačný systém musí umožniť minimálne dva typy Kvalifikovaných elektronických podpisov priamo z rozhrania programu:
  - vo formáte ASiC-E umožňujúci podpísanie viacerých dokumentov v jednom kontajneri,
  - vo formáte PAdES pre podpisovanie samostatných PDF súborov.</t>
  </si>
  <si>
    <t>Vstup ostatných dokumentov do Informačného systému:</t>
  </si>
  <si>
    <t>- Požadovaná je funkcionalita umožňujúca svojim používateľom jednotným spôsobom spravovať nielen dokumenty vstupujúce z centrálneho pracoviska, ale aj dokumenty všetkých typov z rôznych zdrojov, ktoré môžu do systému vkladať priamo na svojich pracoviskách.
- Požadované je poskytnúť užívateľovi na každom klientskom pracovisku nielen možnosť prehliadať oskenované dokumenty, ale aj evidovať a spravovať elektronickú poštu a prílohy správ, vytvárať nové dokumenty pomocou šablón a vykonávať v prípade potreby všetky dostupné funkcie nad elektronickým dokumentom, ktoré mu operačný systém umožňuje.</t>
  </si>
  <si>
    <r>
      <rPr>
        <b/>
        <sz val="10"/>
        <rFont val="Arial"/>
        <family val="2"/>
        <charset val="238"/>
      </rPr>
      <t>- Evidovanie správ elektronickej pošty</t>
    </r>
    <r>
      <rPr>
        <sz val="10"/>
        <rFont val="Arial"/>
        <family val="2"/>
        <charset val="238"/>
      </rPr>
      <t>, doručených priamo do poštovej schránky napr. v MS Outlook na pracovisku klienta, možnosť vstupu celej správy elektronickej pošty aj s prílohami, samotnej správy alebo len požadovaných príloh.</t>
    </r>
  </si>
  <si>
    <t>- Možnosť využívania elektronického podpisu, vrátane kvalifikovaného.</t>
  </si>
  <si>
    <t>- Dokumenty z aplikácií MS OFFICE musí byť možné ukladať do DMS systému priamo pomocou ovládacích Add-In prvkov z rozhraní aplikácií MS OFFICE.</t>
  </si>
  <si>
    <t>- Vytváranie nových dokumentov pomocou šablón, resp. pomocou iných dokumentov uložených v systéme.</t>
  </si>
  <si>
    <t>- Systém musí byť možné rozšíriť aj o funkcie OCR/ICR/OMR/OBR, zaistenie spracovania telefonických hovorov a zvukových záznamov.</t>
  </si>
  <si>
    <t>- Prevod dokumentov do formátu PDF/A a iné funkcie určené pre spracovanie dokumentov.</t>
  </si>
  <si>
    <t>- Odosielanie dokumentov elektronickou poštou, pomocou formulárov MS Outlook a pod..</t>
  </si>
  <si>
    <t>- Dokumenty z iných aplikácií v rámci informačných systémov organizácie musí byť možné do DMS systému ukladať prostredníctvom definovaných rozhraní ako napr. COM, DCOM, COM/NET a NET/COM, SOAP a pod..</t>
  </si>
  <si>
    <t>Je požadované projektové riadenie implementácie a konfigurácie Informačného systému u Obstarávateľa a vytvorenie harmonogramu prípravných činností, služieb a nasadenia Informačného systému.</t>
  </si>
  <si>
    <r>
      <rPr>
        <b/>
        <sz val="10"/>
        <rFont val="Arial"/>
        <family val="2"/>
        <charset val="238"/>
      </rPr>
      <t>Stanovenie podmienok realizácie projektu:</t>
    </r>
    <r>
      <rPr>
        <sz val="10"/>
        <rFont val="Arial"/>
        <family val="2"/>
        <charset val="238"/>
      </rPr>
      <t xml:space="preserve">
- Dodávateľ vypracuje dokument definujúci organizačnú štruktúru projektu (Riaditeľ projektu, Vedúci projektu, Vedúci a členovia pracovných tímov) a komunikačné štandardy projektu.</t>
    </r>
  </si>
  <si>
    <r>
      <rPr>
        <b/>
        <sz val="10"/>
        <rFont val="Arial"/>
        <family val="2"/>
        <charset val="238"/>
      </rPr>
      <t>Základné pojmy projektovej dokumentácie:</t>
    </r>
    <r>
      <rPr>
        <sz val="10"/>
        <rFont val="Arial"/>
        <family val="2"/>
        <charset val="238"/>
      </rPr>
      <t xml:space="preserve">
- (príloha dokumentu Stanovenie podmienok realizácie projektu) – dokument definujúci základné pojmy projektovej metodiky, zodpovednosť a právomoci jednotlivých členov projektového tímu a jednotlivé dokumenty projektovej dokumentácie.</t>
    </r>
  </si>
  <si>
    <r>
      <rPr>
        <b/>
        <sz val="10"/>
        <rFont val="Arial"/>
        <family val="2"/>
        <charset val="238"/>
      </rPr>
      <t>Harmonogram projektu:</t>
    </r>
    <r>
      <rPr>
        <sz val="10"/>
        <rFont val="Arial"/>
        <family val="2"/>
        <charset val="238"/>
      </rPr>
      <t xml:space="preserve">
- Dodávateľ vypracuje dokument definujúci podrobný časový, personálny a obsahový priebeh realizácie projektu.</t>
    </r>
  </si>
  <si>
    <r>
      <t xml:space="preserve">Dodávateľ vykoná u Obstarávateľa </t>
    </r>
    <r>
      <rPr>
        <b/>
        <sz val="10"/>
        <rFont val="Arial"/>
        <family val="2"/>
        <charset val="238"/>
      </rPr>
      <t>predimplementačnú analýzu</t>
    </r>
    <r>
      <rPr>
        <sz val="10"/>
        <rFont val="Arial"/>
        <family val="2"/>
        <charset val="238"/>
      </rPr>
      <t xml:space="preserve"> - analýzu klientskej problematiky. Zhodnotenie súčasného stavu správy agendy, stavu a charakteru vstupujúcich dokumentov, pracovných procesov pri príjme agendy, procesov a čiastkových činností jej spracovania na jednotlivých pracoviskách, zistenie požiadaviek na prípadnú customizáciu systému.</t>
    </r>
  </si>
  <si>
    <t>- Predimplementačná analýza je požadovaná formou interview pracovníkov jednotlivých pracovných tímov oboch strán.</t>
  </si>
  <si>
    <t>- Dodávateľ spracuje na základe údajov a podkladov z interview základný popis súčasného stavu informačného systému a pripraví podklady pre ďalšie smerovanie štúdie.</t>
  </si>
  <si>
    <t>- Dodávateľ zo získaných podkladov spracuje kompletnú štúdiu minimálne v členení:
  - zhodnotenie súčasného stavu DMS systému Obstarávateľa,
  - systémové a modulové zhrnutie požiadaviek Obstarávateľa,
  - návrh riešenia s možnými variantmi,
  - záverečné odporúčania.</t>
  </si>
  <si>
    <t>- Jednotlivé časti predimplementačnej analýzy a závery jednotlivých interview musia byť priebežne odsúhlasované oboma stranami.</t>
  </si>
  <si>
    <t>- Finálna verzia predimplementačnej analýzy musí byť daná k odsúhlaseniu a schválená Obstarávateľom.</t>
  </si>
  <si>
    <t>- Odsúhlasená verzia Predimplementačnej analýzy sa stanú podkladom pre realizáciu vlastnej dodávky IS (implementácie) a jej obsah bude pre Obstarávateľa i Dodávateľa záväzný.</t>
  </si>
  <si>
    <r>
      <t xml:space="preserve">Dodávateľ vykoná </t>
    </r>
    <r>
      <rPr>
        <b/>
        <sz val="10"/>
        <rFont val="Arial"/>
        <family val="2"/>
        <charset val="238"/>
      </rPr>
      <t xml:space="preserve">implementáciu a konfiguráciu </t>
    </r>
    <r>
      <rPr>
        <sz val="10"/>
        <rFont val="Arial"/>
        <family val="2"/>
        <charset val="238"/>
      </rPr>
      <t>Informačného systému a súvisiacej databázy u Obstarávateľa.</t>
    </r>
  </si>
  <si>
    <t>- Dodávateľ pripraví riešenia, vykoná inštaláciu a nastavenia Informačného systému podľa záverov vzájomne odsúhlasenej predimplementačnej analýzy – funkčná serverová časť, nainštaluje a nakonfiguruje Informačný systém a databázu u Obstarávateľa.
- Obstarávateľ k tomu pripraví hardvér a operačný systém MS Windows Server 2022 alebo vyšší, virtualizovaný na platforme VMware a databázu MS SQL Server 2022 alebo vyššiu.</t>
  </si>
  <si>
    <t>- Dodávateľ vykoná potrebnú podporu pri naplnení číselníkov dodávaného IS - podľa postupu a popisu dohodnutého v predimplementačnej analýze.</t>
  </si>
  <si>
    <t>- Dodávateľ pripraví a vytvorí všetky potrebné interface pre import údajov z existujúceho informačného registratúrneho systému a systému Intranet Obstarávateľa, ktoré môžu byť ďalej uchovávané a spracovávané dodávaným Informačným systémom. Dodávateľ vykoná potrebnú podporu a služby súvisiace s importom údajov z pôvodného IS do dodávaného IS.</t>
  </si>
  <si>
    <t>- Procesy Informačného systému budú riadené Workflow modulom spoločným pre celý dodávaný Informačný systém.</t>
  </si>
  <si>
    <t>- Dodávateľ realizuje customizáciu Informačného systému, jeho objektov a celkovú parametrizáciu systému.</t>
  </si>
  <si>
    <t>- Dodávateľ v priebehu implementácie komentuje a popisuje jednotlivé kroky pracovníkom Obstarávateľa a priebežne ich zaškoľuje pre prácu s IS a rutinnú administráciu.</t>
  </si>
  <si>
    <t>- Dodávateľ vykoná úvodné preškolenie správcu(ov), konzultácie a implementačné práce:
  - nastavenie členenia spisov,
  - nastavenie členenia dokumentov,
  - príprava podkladov a odsúhlasenie štruktúr pre import údajov z doterajších IS, Intranetu a Registratúrneho systému  Obstarávateľa,
  - naplnenie číselníkov Informačného systému v spolupráci s Obstarávateľom,
  - import údajov z doterajších IS, Intranetu a Registratúrneho systému Obstarávateľa.</t>
  </si>
  <si>
    <t>- Dodávateľ vykoná úvodné preškolenie pracovníkov na skenovacom pracovisku, konzultácie a implementačné práce:
  - inštalácia skenovacieho softvéru,
  - odskúšanie funkcionality HW a SW.</t>
  </si>
  <si>
    <t>- Dodávateľ vykoná úvodné preškolenie pracovníkov na pracovisku Podateľne, konzultácie a implementačné práce:
  - inštalácia modulu Podateľňa,
  - odskúšanie funkcionality a spolupráce s HW a SW skenovacieho pracoviska,
  - konzultácie a stanovenie popisu procesov a činností pracoviska Podateľne.</t>
  </si>
  <si>
    <t>- Dodávateľ vykoná úvodné preškolenie určených pracovníkov klientskych pracovísk Obstarávateľa:
  - odskúšanie funkcionality updatovacej lokality v intranetovom portáli,
  - inštalácia klientského softvéru.</t>
  </si>
  <si>
    <t>- Dodávateľ v priebehu implementácie IS vykoná priebežné dolaďovanie IS a dohľad na korektnú funkčnosť IS.</t>
  </si>
  <si>
    <r>
      <t xml:space="preserve">Požadovaná je </t>
    </r>
    <r>
      <rPr>
        <b/>
        <sz val="10"/>
        <rFont val="Arial"/>
        <family val="2"/>
        <charset val="238"/>
      </rPr>
      <t>testovacia prevádzka.</t>
    </r>
  </si>
  <si>
    <t>- Požaduje sa testovacia prevádzka IS, kedy sa uskutoční spojenie všetkých činností z predchádzajúcich fáz a zameria na overenie Informačného systému pre prevádzku.</t>
  </si>
  <si>
    <t>- Dodávateľ vykoná finálne overenie konverzie dát a programov rozhrania a uskutoční záťažové užívateľské testy.</t>
  </si>
  <si>
    <t>- Na základe testovacej prevádzky vytvorí Dodávateľ v spolupráci s Obstarávateľom stratégiu produktívneho štartu tak, aby následná rutinná prevádzka bola už plynulá a bezproblémová.</t>
  </si>
  <si>
    <t>Po úspešnom priebehu Testovacej prevádzky IS prejde Informačný systém do rutinnej prevádzky a finálne dielo - Informačný systém môže byť prevzatý Obstrávateľom.</t>
  </si>
  <si>
    <t>Dodávateľ riešenia sa zaväzuje poskytovať obstarávateľovi služby technickej podpory, pre systémy, zariadenia a software, ktoré sú predmetom zmluvy počas 48 mesiacov odo dňa prevzatia diela (Informačného systému).</t>
  </si>
  <si>
    <t>- Update Informačného systému - Dodávateľ garantuje poskytovanie aktualizovaných verzií Informačného systému a súčasne formou update reaguje na legislatívny vývoj v SR.</t>
  </si>
  <si>
    <t>- Inštalácie informačného systému - služby odborne spôsobilého pracovníka Dodávateľa poskytnuté za účelom inštalácie a konfigurácie Informačného systému v rámci UPDATE. Služba inštalácie Informačného systému je požadovaná osobne na pracovisku Obstarávateľa, ak nie je vzájomne dohodnuté inak.</t>
  </si>
  <si>
    <t>- Logická kontrola dát - služby poskytnuté pre odhalenie chýb v dátových súboroch. Služba logickej kontroly dát je požadovaná odborne spôsobilým pracovníkom Dodávateľa na pracovisku Obstarávateľa alebo Dodávateľom pomocou vzdialeného prístupu alebo podľa dohody.</t>
  </si>
  <si>
    <t>- Servisné programátorské práce - služby poskytnuté pre odstránenie chýb v dátových súboroch. Poskytovanie služby je požadované na pracovisku Obstarávateľa alebo Dodávateľom pomocou vzdialeného prístupu alebo podľa dohody.</t>
  </si>
  <si>
    <t>- Analytické práce a konzultácie - služby odborne spôsobilého pracovníka Dodávateľa, poskytnuté za účelom odborného riešenia problematiky spojené s prevádzkou Informačného systému. Požadované je, aby analytické a konzultačné služby boli poskytované osobne na pracovisku Obstarávateľa alebo podľa dohody.</t>
  </si>
  <si>
    <t>- Školenie užívateľov - služby odborne spôsobilého pracovníka Dodávateľa, poskytnuté za účelom zoznámenia pracovníkov Obstarávateľa so všeobecnými alebo novými funkčnými vlastnosťami Informačného systému. Služby školenia používateľov majú byť poskytované na pracovisku Obstarávateľa, prípadne v školiacom stredisku Dodávateľa.</t>
  </si>
  <si>
    <t>- Služba Vzdialenej správy - služba garantuje poskytnutie servisnej podpory bez fyzickej prítomnosti servisného technika Dodávateľa v mieste sídla Obstarávateľa, formou vzdialeného prístupu do počítačovej siete Obstarávateľa, prostredníctvom Internetu alebo iným, dohodnutým spôsobom. Servisná podpora prostredníctvom vzdialenej správy je poskytovaná do dohodnutej doby reakcie. Dobou reakcie sa rozumie doba medzi prijatím požiadavky a začiatkom poskytovania Servisnej podpory.</t>
  </si>
  <si>
    <t>Garancie:</t>
  </si>
  <si>
    <t>- Upgrade produktov Informačného systému zahŕňa podľa rozhodnutia Dodávateľa zlepšenia Informačného stému, legislatívne úpravy a legislatívne zvyklosti vyplývajúce z aktuálnej spoločenskej praxe. Požaduje sa Upgrade produktov Informačného systému, ktorý udržuje produkt na aktuálnej technologickej úrovni a zahŕňa i všeobecné požiadavky portfólia užívateľov Informačného systému.</t>
  </si>
  <si>
    <t>- Dodávateľ Informačného systému plne garantuje súlad IS s platnou legislatívou Slovenskej republiky. Zároveň sa zaväzuje k tomu, že bude do Informačného systému dopĺňať a dodávať zapracované legislatívne zmeny počas celej doby platnosti licencie a servisnej zmluvy klienta - minimálne po dobu 48 mesiacov od dňa prevzatia diela (Informačného systému).</t>
  </si>
  <si>
    <t>Service Desk:</t>
  </si>
  <si>
    <t xml:space="preserve">- Incident management na zariadenia podľa rozsahu zmluvy:
  - priority 1 až 4 podľa závažnosti incidentu,
  - SLA úroveň a reakčné doby podľa zmluvnej Prílohy č.1. </t>
  </si>
  <si>
    <t>- Dostupnosť Service Desku je počas pracovných dní, min. 8 hodín denne, v čase min. od 8:00 - 16:00 hod.:
  - Service Desk musí byť prevádzkovaný v Slovenskej republike.
  - Service Desk zabezpečuje vytváranie a evidenciu všetkých hlásených a vygenerovaných Ticketov a sledovanie ich životného cyklu.</t>
  </si>
  <si>
    <r>
      <rPr>
        <b/>
        <sz val="10"/>
        <rFont val="Arial"/>
        <family val="2"/>
        <charset val="238"/>
      </rPr>
      <t>ADM (Account Delivery Manager):</t>
    </r>
    <r>
      <rPr>
        <sz val="10"/>
        <rFont val="Arial"/>
        <family val="2"/>
        <charset val="238"/>
      </rPr>
      <t xml:space="preserve">
  - vyžadovaný je pracovník Dodávateľa priamo zodpovedný za zabezpečovanie plnenia Zmluvy</t>
    </r>
  </si>
  <si>
    <r>
      <rPr>
        <b/>
        <sz val="10"/>
        <rFont val="Arial"/>
        <family val="2"/>
        <charset val="238"/>
      </rPr>
      <t>Kritické aktualizácie:</t>
    </r>
    <r>
      <rPr>
        <sz val="10"/>
        <rFont val="Arial"/>
        <family val="2"/>
        <charset val="238"/>
      </rPr>
      <t xml:space="preserve">                                                                                                                                                            - Dodávateľ bude Obstarávateľa bezprostredne informovať v prípade, ak bude zistená alebo výrobcom oznámená kritická softvérová zraniteľnosť alebo softvérová aktualizácia pre dodanú infraštruktúru Informačného systému. Dodávateľ kritické aktualizácie aplikuje okamžite po schválení Obstarávateľom. Aktualizácie musia byť pred nasadením testované tak, aby sa predišlo neočakávaným zlyhaniam, ktoré by mohli negatívne ovplyvniť chod organizácie obstarávateľa.</t>
    </r>
  </si>
  <si>
    <t>Minimálne požiadavky na elektronický Informačný systém:</t>
  </si>
  <si>
    <t>- Zabezpečuje evidenciu, prehľadnosť a vzájomné prepojenie modulov vychádzajúcich z potreby pokrytia a vzájomného prepojenia jednotlivých pracovísk Obstarávateľa v rámci celej organizácie.</t>
  </si>
  <si>
    <t>- Umožňuje centrálnu evidenciu a spracovanie registratúrnych záznamov a spisov, sledovanie vybavenosti, odstupovanie, zdieľanie, ročné uzávierky, vyraďovacie konania a ďalšie súvisiace činnosti.</t>
  </si>
  <si>
    <t>- Zabezpečuje podmienky pre internú a externú elektronickú komunikáciu zadávateľa so štátnymi a inými inštitúciami, ktoré sú na to technicky pripravené.</t>
  </si>
  <si>
    <t>- Zabezpečuje automatizované prepojenie (komunikáciu) registratúry s elektronickými schránkami (modulmi) ÚPVS, tak aby bol zabezpečený užívateľský komfort pri súčasnom dodržaní zákonných povinností.</t>
  </si>
  <si>
    <t xml:space="preserve">- Dodaný Informačný systém musí mať certifikát o posúdení zhody elektronického informačného systému na správu registratúry podľa Výnosu MV SR č. 525/2011 Z. z. o štandardoch pre EIS na správu registratúry v znení Opatrenia MV SR č. 203/2021 Z. z. s výsledkami zhody „Informačný systém vykazuje zhodu s požiadavkami Výnosu Ministerstva vnútra Slovenskej republiky č. 525/2011 Z. z. o štandardoch pre elektronické informačné systémy na správu registratúry v znení Opatrenia Ministerstva vnútra Slovenskej republiky č. 203/2021 Z. z. s úrovňou hodnotenia - Vysoká úroveň“.  </t>
  </si>
  <si>
    <t>Minimálne požiadavky na Informačný systém pre automatizovanú správu registratúry:</t>
  </si>
  <si>
    <t>- Integrácia plnej funkčnosti registratúry, Dokument manažment systému (DMS) a procesného manažmentu (WorkFlow).</t>
  </si>
  <si>
    <t>- Možnosť nezávislej evidencie viacerých pracovísk (kliník, oddelení, útvarov) v jednej centrálnej databáze s rôznymi prístupovými právami s centrálnym zálohovaním.</t>
  </si>
  <si>
    <t>- Správa užívateľov/skupín užívateľov, pokročilá správa prístupových práv až na úroveň jednotlivých evidencií, prepojenie na identity management, hromadné prideľovanie a dedenie práv.</t>
  </si>
  <si>
    <t>- Autentifikácia užívateľov cez prihlasovacie údaje (meno a heslo), podpora LDAP serveru (MS Active Directory), možnosť Single sign - on (SSO).</t>
  </si>
  <si>
    <t>- Integrovaná tvorba dokumentov rôznych typov (vlastné vzorové šablóny písomností zadávateľa, formuláre a pod.).</t>
  </si>
  <si>
    <t>- Priama integrácia s produktmi MS Office vrátane prenosu údajov napr. do MS Outlook, Word, Excel.</t>
  </si>
  <si>
    <t>- Podpora exportu/importu údajov vrátane možnosti prepojenia na riešenia tretích strán.</t>
  </si>
  <si>
    <t>- Integrovaný skenovací modul a PDF editor.</t>
  </si>
  <si>
    <t>- Integrovaný prehliadač rôznych formátov obrázkov.</t>
  </si>
  <si>
    <t>- Integrovaný PDF prehliadač.</t>
  </si>
  <si>
    <t>- Integrovaná konverzia dokumentov a podpora formátov PDF/A-1a,b a PDF/A-2a,b.</t>
  </si>
  <si>
    <t>- Kvalifikované elektronické podpisovanie PDF/A dokumentov formátmi XAdES, PAdES, ASiC.</t>
  </si>
  <si>
    <t>- Podpora Drag &amp; Drop medzi systémom operačného systému a rozhraním aplikácií.</t>
  </si>
  <si>
    <t>- Možnosť evidovania neobmedzeného množstva záznamov, spisov, pripojených súborov k záznamom, špecializovaných evidencií, schvaľovacích procesov, šablón dokumentov, atď..</t>
  </si>
  <si>
    <t>- Modulárne riešenie jednotlivých činností (evidencia došlej a odoslanej pošty, registratúrny denník, registratúrne stredisko, atď.).</t>
  </si>
  <si>
    <t>- Presná evidencia a klasifikácia nových záznamov (prichádzajúca a odchádzajúca „pošta“) v papierovej alebo elektronickej forme (e-maily, správy z ÚPVS (slovensko.sk) a pod.).</t>
  </si>
  <si>
    <t>- Vedenie centrálneho registratúrneho denníka záznamov tak, aby obsahoval údaje o prijatí, pridelení, tvorbe, vybavení, odoslaní záznamov, zdieľaní, atď..</t>
  </si>
  <si>
    <t>- Správa neverejných spisov a záznamov.</t>
  </si>
  <si>
    <t>- Možnosť sledovať vybavenosť pridelených záznamov (ako, kedy, kým boli vybavené).</t>
  </si>
  <si>
    <t>- Automatické prepojenie s elektronickou schránkou ÚPVS – prijímanie aj odosielanie správ priamo zo systému, ich automatická evidencia a následné spisovanie.</t>
  </si>
  <si>
    <t>- Možnosť priameho čitateľného zobrazenia SKTALK správy prevzatej zo slovensko.sk (formuláre, prílohy) v zázname.</t>
  </si>
  <si>
    <t>- Možnosť priameho prepojenia s externým systémom cez API.</t>
  </si>
  <si>
    <t>- Možnosť zaručenej konverzie z listinnej do elektronickej podoby a z elektronickej do listinnej podoby.</t>
  </si>
  <si>
    <t>- Vyhľadávanie záznamov podľa evidovaných údajov v zázname, v spise (vec, odosielateľ, dátum, organizačný útvar, užívateľ, spôsob vybavenia, a pod.), vyhľadávanie pomocou klávesových skratiek.</t>
  </si>
  <si>
    <t>- Podpora zadávania a vyhľadávania podľa kľúčových slov.</t>
  </si>
  <si>
    <t>- Pokročilé možnosti vyhľadávania, vrátane obsahu dokumentov fulltextovo.</t>
  </si>
  <si>
    <t>- Možnosť k jednotlivým záznamom evidovaným v systéme pripájať viaceré naskenované dokumenty a iné súbory.</t>
  </si>
  <si>
    <t>- Verziovanie dokumentov, uchovávanie každej jednej verzie samostatne.</t>
  </si>
  <si>
    <t>- Funkcionalita - Interná pošta.</t>
  </si>
  <si>
    <t>- Možnosť jednoduchého vytvorenia odpovede na došlú zásielku.</t>
  </si>
  <si>
    <t>- Možnosť užívateľsky definovateľných metadát pre jednotlivé evidencie, vyhľadávanie na základe týchto metadát.</t>
  </si>
  <si>
    <t>- Automatické prideľovanie registratúrnej značky, znaku hodnoty a lehôt uloženia na základe Registratúrneho plánu.</t>
  </si>
  <si>
    <t>- Možnosť vyplnenia údajov systému na spisových obaloch a ich vytlačenia k novým / zaevidovaným záznamom / spisom.</t>
  </si>
  <si>
    <t>- Správa spisov - automatické prideľovanie čísla záznamu a čísla spisu, zaraďovanie záznamov do spisov, vybavovanie spisov, uzatváranie spisov, prenos neuzatvorených spisov na konci nového roku s novým číslom spisu, pričom sa vyznačí ich súvislosť s predchádzajúcimi spismi, ročný prehľad spisov a pod..</t>
  </si>
  <si>
    <t>- Zobrazovanie a tlač rôznych zostáv (napr. zoznamy záznamov ako výsledok vyhľadávania, ročný zoznam záznamov / spisov, menný register a pod.).</t>
  </si>
  <si>
    <t>- Možnosť vytvárania vlastných tlačových zostáv administrátorom systému.</t>
  </si>
  <si>
    <r>
      <t xml:space="preserve">- Integrovaná funkčne zabezpečená ochrana osobných údajov v súlade s nariadením EU a rady </t>
    </r>
    <r>
      <rPr>
        <sz val="10"/>
        <color theme="1"/>
        <rFont val="Arial"/>
        <family val="2"/>
        <charset val="238"/>
      </rPr>
      <t xml:space="preserve">2016/679 </t>
    </r>
    <r>
      <rPr>
        <sz val="10"/>
        <color theme="1"/>
        <rFont val="Calibri"/>
        <family val="2"/>
        <charset val="238"/>
        <scheme val="minor"/>
      </rPr>
      <t xml:space="preserve">– </t>
    </r>
    <r>
      <rPr>
        <sz val="10"/>
        <color theme="1"/>
        <rFont val="Arial"/>
        <family val="2"/>
        <charset val="238"/>
      </rPr>
      <t xml:space="preserve">General Data Protection Regulation </t>
    </r>
    <r>
      <rPr>
        <sz val="10"/>
        <rFont val="Arial"/>
        <family val="2"/>
        <charset val="238"/>
      </rPr>
      <t>(</t>
    </r>
    <r>
      <rPr>
        <sz val="10"/>
        <color theme="1"/>
        <rFont val="Arial"/>
        <family val="2"/>
        <charset val="238"/>
      </rPr>
      <t>GDPR</t>
    </r>
    <r>
      <rPr>
        <sz val="10"/>
        <rFont val="Arial"/>
        <family val="2"/>
        <charset val="238"/>
      </rPr>
      <t>)</t>
    </r>
    <r>
      <rPr>
        <sz val="10"/>
        <color theme="1"/>
        <rFont val="Arial"/>
        <family val="2"/>
        <charset val="238"/>
      </rPr>
      <t xml:space="preserve"> a Zákona NR SR č. 18/2018 Z. z. o ochrane osobných údajov.</t>
    </r>
  </si>
  <si>
    <t>- Definovanie prístupových práv zamestnancov k záznamom, spisom, evidenciám aj na základe organizačnej štruktúry.</t>
  </si>
  <si>
    <t>- Ochrana záznamov a informácií pred neoprávneným prístupom.</t>
  </si>
  <si>
    <t>- Delegovanie prístupových práv zo strany užívateľa na iného užívateľa (zastupovanie).</t>
  </si>
  <si>
    <t>- Možnosť sledovať procesy, termíny vybavovania záznamov, ako aj spätného prezerania celej histórie.</t>
  </si>
  <si>
    <t>- Možnosť vytvárania vlastných jednoduchých modifikácií vo vlastnej réžii bez objednávania služieb u dodávateľa (vytváranie tlačových zostáv, doplnenie metadát, vytvorenie a zmena schvaľovacích procesov, správa šablón dokumentov a pod.).</t>
  </si>
  <si>
    <t>- Správa číselníkov (registratúrny plán, spôsob vybavenia, skupiny užívateľov, adresár, ročníky,...).</t>
  </si>
  <si>
    <t>- Možnosť importu číselníkov (užívatelia, organizačná štruktúra, registratúrny plán, adresár).</t>
  </si>
  <si>
    <t>- Podpora vytvárania a správy špecializovaných evidencií ako riadené dokumenty (smernice), personálna evidencia, projektová evidencia a pod. bez obmedzenia ich počtu.</t>
  </si>
  <si>
    <t>- Možnosť podrobného logovania jednotlivých vykonaných úkonov v rôznych úrovniach až po úroveň zmien hodnôt v jednotlivých poliach.</t>
  </si>
  <si>
    <t>- Prepojenie na ekonomický systém SOFTIP Profit prostredníctvom API.</t>
  </si>
  <si>
    <t>- Možnosť prepojenia na portál OverSi.</t>
  </si>
  <si>
    <t>Ďalšie požadované možnosti:</t>
  </si>
  <si>
    <t>- Možnosť odovzdávania spisov, záznamov, súborov do registratúrneho strediska priamo zo systému evidencie spisov, záznamov, možnosť elektronického odovzdávania záznamov do registratúrneho strediska aj z iných systémov, možnosť manuálneho preberania písomností do registratúrneho strediska, preberanie ostatných špecializovaných agend.</t>
  </si>
  <si>
    <t>- Správa registratúrneho strediska, vedenie lokačného prehľadu, správa výpožičiek, sledovanie lehôt uloženia, tvorba predbežných vyraďovacích zoznamov, podpora vyraďovacieho konania.</t>
  </si>
  <si>
    <t>- Tvorba zoznamov a ich tlač v registratúrnom stredisku.</t>
  </si>
  <si>
    <t>- Vyhľadávanie podľa registratúrnej značky, odovzdávajúceho a pod..</t>
  </si>
  <si>
    <t>- Možnosť exportu spisov so znakom hodnoty „A“, o ktorých sa rozhodlo, že sú archívne dokumenty z registratúrneho strediska do príslušného štátneho archívu.</t>
  </si>
  <si>
    <t>- Vyhotovovanie skenovaných kópií v registratúrnom stredisku.</t>
  </si>
  <si>
    <t>- Vyplnenie a vytlačenie poštového podacieho hárku pre odosielanú „poštu“.</t>
  </si>
  <si>
    <t>- Integrovaný elektronický poštový podací hárok.</t>
  </si>
  <si>
    <t>- Možnosť anonymizácie potrebných údajov v dokumentoch, a tým predchádzanie ich zneužitiu.</t>
  </si>
  <si>
    <r>
      <t xml:space="preserve">- Prepojenie na </t>
    </r>
    <r>
      <rPr>
        <b/>
        <sz val="10"/>
        <rFont val="Arial"/>
        <family val="2"/>
        <charset val="238"/>
      </rPr>
      <t>centrálny register zmlúv</t>
    </r>
    <r>
      <rPr>
        <sz val="10"/>
        <rFont val="Arial"/>
        <family val="2"/>
        <charset val="238"/>
      </rPr>
      <t xml:space="preserve"> (automatické zverejňovanie).</t>
    </r>
  </si>
  <si>
    <t>- Tlač preberacích protokolov pri odovzdávaní „pošty“ v papierovej podobe užívateľovi.</t>
  </si>
  <si>
    <t>- Možnosť vrátenia zásielky do podateľne.</t>
  </si>
  <si>
    <t>- Integrované OCR pri evidovaní došlej pošty.</t>
  </si>
  <si>
    <t>- Integrované schvaľovacie procesy (Workflow) podľa užívateľsky definovateľných diagramov.</t>
  </si>
  <si>
    <t>- Grafický návrhár schvaľovacích (WorkFlow) procesov, možnosť definovania a editácie šablón schvaľovacích procesov priamo administrátorom systému.</t>
  </si>
  <si>
    <r>
      <t xml:space="preserve">- Možnosť </t>
    </r>
    <r>
      <rPr>
        <b/>
        <sz val="10"/>
        <rFont val="Arial"/>
        <family val="2"/>
        <charset val="238"/>
      </rPr>
      <t>preukázateľného oboznamovania užívateľov s internou dokumentáciou.</t>
    </r>
  </si>
  <si>
    <t>- Pripomienkovanie akýchkoľvek dokumentov, nielen podľa vopred určeného diagramu, ale aj podľa vlastného nadefinovaného zoznamu užívateľov, s pomocou ad hoc výberu schvaľovateľov a ich poradie.</t>
  </si>
  <si>
    <t>- Možnosť automatickej evidencie mailov do registratúry a následné automatické spustenie schvaľovacích procesov nad takýmito záznamami.</t>
  </si>
  <si>
    <t>- Možnosť užívateľského nastavenia vzhľadu systému, výber viditeľných stĺpcov a ich poradia.</t>
  </si>
  <si>
    <r>
      <t xml:space="preserve">- Minimálne </t>
    </r>
    <r>
      <rPr>
        <b/>
        <sz val="10"/>
        <rFont val="Arial"/>
        <family val="2"/>
        <charset val="238"/>
      </rPr>
      <t>dve referencie z prostredia Obstarávateľa</t>
    </r>
    <r>
      <rPr>
        <sz val="10"/>
        <rFont val="Arial"/>
        <family val="2"/>
        <charset val="238"/>
      </rPr>
      <t xml:space="preserve"> (znalosť problematiky nemocničných a medicínskych zariadení).</t>
    </r>
  </si>
  <si>
    <t>Špecifikácia technologických parametrov:</t>
  </si>
  <si>
    <t>- Aplikácia typu hrubý alebo tenký klient,</t>
  </si>
  <si>
    <t>- Klient prevádzkovateľný na systémoch MS Windows 10, MS Windows 11,</t>
  </si>
  <si>
    <t>- Server prevádzkovateľný na operačných systémoch Windows Server 2022+,</t>
  </si>
  <si>
    <t>- Otvorený systém s existujúcou možnosťou prepojenia na iné systémy tretích strán cez vstavané API,</t>
  </si>
  <si>
    <t>- Databáza kompatibilná s databázovým systémom Obstarávateľa - MS SQL,</t>
  </si>
  <si>
    <t>- Jednoduchý systém aplikácie upgrade, update a bezpečnostných záplat,</t>
  </si>
  <si>
    <t>- Prevádzkovanie systému bez ďalších dodatočných nákladov na licencie externých systémov.</t>
  </si>
  <si>
    <t>Informácie pre kalkuláciu ceny:</t>
  </si>
  <si>
    <t>- Počet zamestnancov: 925</t>
  </si>
  <si>
    <t>- Počet zamestnancov na pracovisku, kde sa zapisuje prijatá a odoslaná pošta: 4</t>
  </si>
  <si>
    <t>- Počet zamestnancov, ktorí na dennej báze spracovávajú rôzne dokumenty, spisy, posielajú ich na pripomienkovanie, schvaľujú, atď. - sú spracovateľmi jednotlivých záznamov, spisov - tzv. aktívni užívatelia: 20</t>
  </si>
  <si>
    <t>- Počet zamestnancov, ktorí majú k dispozícií jednotlivé dokumenty len na čítanie, na vedomie, poprípade na vyjadrenie k určitým schvaľovacím procesom: 60</t>
  </si>
  <si>
    <t>- Počet zamestnancov, ktorí majú na starosti registratúrne stredisko: 2</t>
  </si>
  <si>
    <t>- Približný objem odchádzajúcej korešpondencie za mesiac: 500</t>
  </si>
  <si>
    <t>- Približný objem došlej korešpondencie za mesiac: 2 000</t>
  </si>
  <si>
    <t>- Registratúrne stredisko - množstvo ukladacích jednotiek: cca 15 000</t>
  </si>
  <si>
    <t>Prevzatie dodaného tovaru/riešenia je Objednávateľ povinný Dodávateľovi písomne potvrdiť na dodacom liste alebo preberacom protokole. Jedna kópia dodacieho listu alebo preberacieho protokolu ostáva Objednávateľovi. V prípade uplatnenia oprávnenej výhrady Objednávateľa pri dodaní predmetu zmluvy, ostáva predmet zmluvy vo vlastníctve Dodávateľa až do doby, kým Dodávateľ neodstráni prekážku, ktorá bráni Objednávateľovi predmet zákazky riadne prevziať. Objednávateľ nadobudne vlastnícke právo vždy až po zaplatení celej odplaty za plnenie dohodnuté v zmluve.</t>
  </si>
  <si>
    <t>Požaduje sa zároveň aj uzatvorenie osobitnej zmluvy o zabezpečení plnenia bezpečnostných opatrení a notifikačných povinností podľa zákona č. 69/2018 Z. z. o kybernetickej bezpečnosti a o zmene a doplnení niektorých zákonov v znení neskorších predpisov.</t>
  </si>
  <si>
    <t>technická telefonická podpora a poradenstvo pri prevádzkovaní prostredníctvom klientského pracoviska Dodávateľa v pracovných dňoch, min.8 hodín denne, pričom Dodávateľ musí garantovať funkčnosť a prevádzku klientskeho pracoviska.</t>
  </si>
  <si>
    <r>
      <rPr>
        <b/>
        <sz val="10"/>
        <color theme="1"/>
        <rFont val="Arial"/>
        <family val="2"/>
        <charset val="238"/>
      </rP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t>Návrh zmluvy o zmluvy o kybernetickej bezpečnosti</t>
    </r>
    <r>
      <rPr>
        <sz val="10"/>
        <color theme="1"/>
        <rFont val="Arial"/>
        <family val="2"/>
        <charset val="238"/>
      </rPr>
      <t>, v zmysle bodu 1.2, časť 5. MINIMÁLNE OSOBITNÉ ZMLUVNÉ POŽIADAVKY NA PREDMET ZÁKAZKY. Viď príloha č.2 Oznámenia o prípravnej trhovej konzultácii.</t>
    </r>
  </si>
  <si>
    <t>Návrh zmluvy o zmluvy o kybernetickej bezpečnosti</t>
  </si>
  <si>
    <t>Viď Príloha č.2 - Oznámenia o prípravnej trhovej konzultácii.</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sz val="10"/>
      <color theme="1"/>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2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0" fontId="3"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3" xfId="0" applyNumberFormat="1" applyFont="1" applyBorder="1" applyAlignment="1">
      <alignment horizontal="center" vertical="center" wrapText="1"/>
    </xf>
    <xf numFmtId="49" fontId="4" fillId="0" borderId="0" xfId="1" applyNumberFormat="1" applyFont="1" applyBorder="1" applyAlignment="1">
      <alignment horizontal="left" vertical="top" wrapText="1"/>
    </xf>
    <xf numFmtId="16" fontId="5" fillId="0" borderId="0" xfId="0" applyNumberFormat="1" applyFont="1" applyFill="1" applyAlignment="1">
      <alignment horizontal="left" vertical="top" wrapText="1"/>
    </xf>
    <xf numFmtId="49" fontId="4" fillId="0" borderId="8" xfId="0" applyNumberFormat="1" applyFont="1" applyBorder="1" applyAlignment="1">
      <alignment horizontal="left" vertical="center"/>
    </xf>
    <xf numFmtId="49" fontId="4" fillId="0" borderId="8" xfId="0" applyNumberFormat="1" applyFont="1" applyBorder="1" applyAlignment="1">
      <alignment horizontal="center" vertical="center"/>
    </xf>
    <xf numFmtId="49" fontId="4" fillId="0" borderId="8" xfId="0" applyNumberFormat="1" applyFont="1" applyBorder="1" applyAlignment="1">
      <alignment horizontal="right" vertical="center"/>
    </xf>
    <xf numFmtId="49" fontId="4" fillId="0" borderId="11" xfId="0" applyNumberFormat="1" applyFont="1" applyBorder="1" applyAlignment="1">
      <alignment horizontal="right" vertical="center"/>
    </xf>
    <xf numFmtId="49" fontId="4" fillId="0" borderId="10" xfId="0" applyNumberFormat="1" applyFont="1" applyBorder="1" applyAlignment="1">
      <alignment vertical="center" wrapText="1"/>
    </xf>
    <xf numFmtId="49" fontId="5" fillId="0" borderId="10" xfId="0" applyNumberFormat="1" applyFont="1" applyBorder="1" applyAlignment="1">
      <alignment vertical="center" wrapText="1"/>
    </xf>
    <xf numFmtId="49" fontId="4" fillId="0" borderId="20" xfId="0" applyNumberFormat="1" applyFont="1" applyBorder="1" applyAlignment="1">
      <alignment vertical="center" wrapText="1"/>
    </xf>
    <xf numFmtId="0" fontId="4" fillId="0" borderId="10" xfId="0" applyFont="1" applyBorder="1" applyAlignment="1">
      <alignment horizontal="left" vertical="center" wrapText="1"/>
    </xf>
    <xf numFmtId="0" fontId="4" fillId="6" borderId="10" xfId="0" applyFont="1" applyFill="1" applyBorder="1" applyAlignment="1">
      <alignment horizontal="left" vertical="center" wrapText="1"/>
    </xf>
    <xf numFmtId="0" fontId="4" fillId="0" borderId="23" xfId="0" applyFont="1" applyBorder="1" applyAlignment="1">
      <alignment horizontal="left" vertical="center" wrapText="1"/>
    </xf>
    <xf numFmtId="49" fontId="4" fillId="0" borderId="8" xfId="0" applyNumberFormat="1" applyFont="1" applyBorder="1" applyAlignment="1">
      <alignment horizontal="center" vertical="center" wrapText="1"/>
    </xf>
    <xf numFmtId="49" fontId="4" fillId="6" borderId="8" xfId="0" applyNumberFormat="1" applyFont="1" applyFill="1" applyBorder="1" applyAlignment="1">
      <alignment horizontal="center" vertical="center" wrapText="1"/>
    </xf>
    <xf numFmtId="49" fontId="4" fillId="0" borderId="8" xfId="0" applyNumberFormat="1" applyFont="1" applyBorder="1" applyAlignment="1">
      <alignment horizontal="right" vertical="center" wrapText="1"/>
    </xf>
    <xf numFmtId="14" fontId="4" fillId="0" borderId="8" xfId="0" applyNumberFormat="1" applyFont="1" applyBorder="1" applyAlignment="1">
      <alignment horizontal="right" vertical="center" wrapText="1"/>
    </xf>
    <xf numFmtId="0" fontId="4" fillId="6" borderId="20" xfId="0" applyFont="1" applyFill="1" applyBorder="1" applyAlignment="1">
      <alignment horizontal="left" vertical="center" wrapText="1"/>
    </xf>
    <xf numFmtId="49" fontId="4" fillId="0" borderId="11" xfId="0" applyNumberFormat="1" applyFont="1" applyBorder="1" applyAlignment="1">
      <alignment horizontal="center" vertical="center" wrapText="1"/>
    </xf>
    <xf numFmtId="49" fontId="4" fillId="0" borderId="22" xfId="0" applyNumberFormat="1" applyFont="1" applyBorder="1" applyAlignment="1">
      <alignment horizontal="center" vertical="center" wrapText="1"/>
    </xf>
    <xf numFmtId="49" fontId="4" fillId="6" borderId="8" xfId="0" applyNumberFormat="1" applyFont="1" applyFill="1" applyBorder="1" applyAlignment="1">
      <alignment horizontal="right" vertical="center" wrapText="1"/>
    </xf>
    <xf numFmtId="0" fontId="4" fillId="6" borderId="10" xfId="0" applyFont="1" applyFill="1" applyBorder="1" applyAlignment="1">
      <alignment vertical="center" wrapText="1"/>
    </xf>
    <xf numFmtId="0" fontId="4" fillId="6" borderId="5" xfId="0" applyFont="1" applyFill="1" applyBorder="1" applyAlignment="1">
      <alignment vertical="center" wrapText="1"/>
    </xf>
    <xf numFmtId="0" fontId="4" fillId="0" borderId="8" xfId="0" applyFont="1" applyBorder="1" applyAlignment="1">
      <alignment horizontal="center" vertical="center" wrapText="1"/>
    </xf>
    <xf numFmtId="49" fontId="4" fillId="0" borderId="5" xfId="0" applyNumberFormat="1" applyFont="1" applyBorder="1" applyAlignment="1">
      <alignment vertical="center" wrapText="1"/>
    </xf>
    <xf numFmtId="49" fontId="5" fillId="0" borderId="5" xfId="0" applyNumberFormat="1" applyFont="1" applyFill="1" applyBorder="1" applyAlignment="1">
      <alignment vertical="center" wrapText="1"/>
    </xf>
    <xf numFmtId="49" fontId="5" fillId="0" borderId="5" xfId="0" applyNumberFormat="1" applyFont="1" applyBorder="1" applyAlignment="1">
      <alignment vertical="center" wrapText="1"/>
    </xf>
    <xf numFmtId="49" fontId="4" fillId="0" borderId="5" xfId="0" applyNumberFormat="1" applyFont="1" applyFill="1" applyBorder="1" applyAlignment="1">
      <alignment vertical="center" wrapText="1"/>
    </xf>
    <xf numFmtId="49" fontId="4" fillId="0" borderId="8" xfId="0" applyNumberFormat="1" applyFont="1" applyFill="1" applyBorder="1" applyAlignment="1">
      <alignment horizontal="right" vertical="center"/>
    </xf>
    <xf numFmtId="0" fontId="2" fillId="0" borderId="23"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7" fillId="0" borderId="10" xfId="0" applyNumberFormat="1" applyFont="1" applyBorder="1" applyAlignment="1">
      <alignment horizontal="center" vertical="center" wrapText="1"/>
    </xf>
    <xf numFmtId="0" fontId="2" fillId="0" borderId="5" xfId="0" applyFont="1" applyFill="1" applyBorder="1" applyAlignment="1">
      <alignment horizontal="center" vertical="center" wrapText="1"/>
    </xf>
    <xf numFmtId="0" fontId="2" fillId="0" borderId="25" xfId="0" applyFont="1" applyFill="1" applyBorder="1" applyAlignment="1">
      <alignment horizontal="center"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2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1</xdr:row>
          <xdr:rowOff>9525</xdr:rowOff>
        </xdr:from>
        <xdr:to>
          <xdr:col>1</xdr:col>
          <xdr:colOff>885825</xdr:colOff>
          <xdr:row>4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2</xdr:row>
          <xdr:rowOff>0</xdr:rowOff>
        </xdr:from>
        <xdr:to>
          <xdr:col>1</xdr:col>
          <xdr:colOff>885825</xdr:colOff>
          <xdr:row>4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496"/>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8" t="s">
        <v>49</v>
      </c>
      <c r="C1" s="128"/>
      <c r="D1" s="128"/>
      <c r="E1" s="128"/>
      <c r="F1" s="128"/>
    </row>
    <row r="2" spans="2:6" ht="27.75" customHeight="1" x14ac:dyDescent="0.2">
      <c r="B2" s="127" t="s">
        <v>47</v>
      </c>
      <c r="C2" s="127"/>
      <c r="D2" s="127"/>
      <c r="E2" s="127"/>
      <c r="F2" s="127"/>
    </row>
    <row r="3" spans="2:6" ht="54.75" customHeight="1" x14ac:dyDescent="0.2">
      <c r="B3" s="138" t="s">
        <v>53</v>
      </c>
      <c r="C3" s="138"/>
      <c r="D3" s="138"/>
      <c r="E3" s="138"/>
      <c r="F3" s="138"/>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105" t="s">
        <v>5</v>
      </c>
      <c r="C7" s="105"/>
      <c r="D7" s="105"/>
      <c r="E7" s="105"/>
      <c r="F7" s="105"/>
    </row>
    <row r="8" spans="2:6" s="2" customFormat="1" ht="20.100000000000001" customHeight="1" x14ac:dyDescent="0.25">
      <c r="B8" s="139" t="s">
        <v>9</v>
      </c>
      <c r="C8" s="139"/>
      <c r="D8" s="139"/>
      <c r="E8" s="139"/>
      <c r="F8" s="139"/>
    </row>
    <row r="9" spans="2:6" ht="24.95" customHeight="1" x14ac:dyDescent="0.2">
      <c r="B9" s="140" t="s">
        <v>98</v>
      </c>
      <c r="C9" s="140"/>
      <c r="D9" s="140"/>
      <c r="E9" s="140"/>
      <c r="F9" s="140"/>
    </row>
    <row r="10" spans="2:6" ht="4.5" customHeight="1" x14ac:dyDescent="0.2">
      <c r="B10" s="40"/>
      <c r="C10" s="40"/>
      <c r="D10" s="40"/>
      <c r="E10" s="40"/>
      <c r="F10" s="40"/>
    </row>
    <row r="11" spans="2:6" s="2" customFormat="1" ht="20.100000000000001" customHeight="1" x14ac:dyDescent="0.25">
      <c r="B11" s="141" t="s">
        <v>10</v>
      </c>
      <c r="C11" s="141"/>
      <c r="D11" s="141"/>
      <c r="E11" s="141"/>
      <c r="F11" s="141"/>
    </row>
    <row r="12" spans="2:6" s="9" customFormat="1" ht="20.100000000000001" customHeight="1" x14ac:dyDescent="0.25">
      <c r="B12" s="102" t="s">
        <v>99</v>
      </c>
      <c r="C12" s="102"/>
      <c r="D12" s="102"/>
      <c r="E12" s="55"/>
      <c r="F12" s="55"/>
    </row>
    <row r="13" spans="2:6" s="9" customFormat="1" ht="20.100000000000001" customHeight="1" x14ac:dyDescent="0.25">
      <c r="B13" s="102" t="s">
        <v>100</v>
      </c>
      <c r="C13" s="102"/>
      <c r="D13" s="102"/>
      <c r="E13" s="58"/>
      <c r="F13" s="58"/>
    </row>
    <row r="14" spans="2:6" s="9" customFormat="1" ht="20.100000000000001" customHeight="1" x14ac:dyDescent="0.25">
      <c r="B14" s="102" t="s">
        <v>101</v>
      </c>
      <c r="C14" s="102"/>
      <c r="D14" s="102"/>
      <c r="E14" s="58"/>
      <c r="F14" s="58"/>
    </row>
    <row r="15" spans="2:6" s="9" customFormat="1" ht="20.100000000000001" customHeight="1" x14ac:dyDescent="0.25">
      <c r="B15" s="102" t="s">
        <v>102</v>
      </c>
      <c r="C15" s="102"/>
      <c r="D15" s="102"/>
      <c r="E15" s="58"/>
      <c r="F15" s="58"/>
    </row>
    <row r="16" spans="2:6" s="9" customFormat="1" ht="20.100000000000001" customHeight="1" x14ac:dyDescent="0.25">
      <c r="B16" s="102" t="s">
        <v>103</v>
      </c>
      <c r="C16" s="102"/>
      <c r="D16" s="102"/>
      <c r="E16" s="102"/>
      <c r="F16" s="102"/>
    </row>
    <row r="17" spans="2:6" s="2" customFormat="1" ht="20.100000000000001" customHeight="1" x14ac:dyDescent="0.25">
      <c r="B17" s="102" t="s">
        <v>27</v>
      </c>
      <c r="C17" s="102"/>
      <c r="D17" s="102"/>
      <c r="E17" s="47"/>
      <c r="F17" s="47"/>
    </row>
    <row r="18" spans="2:6" ht="4.5" customHeight="1" x14ac:dyDescent="0.2">
      <c r="B18" s="44"/>
      <c r="C18" s="44"/>
      <c r="D18" s="44"/>
      <c r="E18" s="40"/>
      <c r="F18" s="40"/>
    </row>
    <row r="19" spans="2:6" ht="20.100000000000001" customHeight="1" x14ac:dyDescent="0.2">
      <c r="B19" s="39" t="s">
        <v>11</v>
      </c>
      <c r="C19" s="21"/>
      <c r="D19" s="21"/>
      <c r="E19" s="22"/>
      <c r="F19" s="22"/>
    </row>
    <row r="20" spans="2:6" s="3" customFormat="1" ht="24.95" customHeight="1" x14ac:dyDescent="0.25">
      <c r="B20" s="106" t="s">
        <v>67</v>
      </c>
      <c r="C20" s="106"/>
      <c r="D20" s="106"/>
      <c r="E20" s="19"/>
      <c r="F20" s="20"/>
    </row>
    <row r="21" spans="2:6" ht="5.0999999999999996" customHeight="1" x14ac:dyDescent="0.2">
      <c r="B21" s="108"/>
      <c r="C21" s="108"/>
      <c r="D21" s="108"/>
      <c r="F21" s="15"/>
    </row>
    <row r="22" spans="2:6" s="2" customFormat="1" ht="20.100000000000001" customHeight="1" x14ac:dyDescent="0.25">
      <c r="B22" s="105" t="s">
        <v>24</v>
      </c>
      <c r="C22" s="105"/>
      <c r="D22" s="105"/>
      <c r="E22" s="105"/>
      <c r="F22" s="105"/>
    </row>
    <row r="23" spans="2:6" ht="229.5" customHeight="1" x14ac:dyDescent="0.2">
      <c r="B23" s="107" t="s">
        <v>519</v>
      </c>
      <c r="C23" s="107"/>
      <c r="D23" s="107"/>
      <c r="E23" s="107"/>
      <c r="F23" s="107"/>
    </row>
    <row r="24" spans="2:6" ht="5.0999999999999996" customHeight="1" x14ac:dyDescent="0.2">
      <c r="B24" s="108"/>
      <c r="C24" s="108"/>
      <c r="D24" s="108"/>
      <c r="F24" s="15"/>
    </row>
    <row r="25" spans="2:6" s="2" customFormat="1" ht="20.100000000000001" customHeight="1" x14ac:dyDescent="0.25">
      <c r="B25" s="105" t="s">
        <v>25</v>
      </c>
      <c r="C25" s="105"/>
      <c r="D25" s="105"/>
      <c r="E25" s="105"/>
      <c r="F25" s="105"/>
    </row>
    <row r="26" spans="2:6" s="9" customFormat="1" ht="20.100000000000001" customHeight="1" x14ac:dyDescent="0.25">
      <c r="B26" s="142" t="s">
        <v>6</v>
      </c>
      <c r="C26" s="142"/>
      <c r="D26" s="142"/>
      <c r="E26" s="142"/>
      <c r="F26" s="142"/>
    </row>
    <row r="27" spans="2:6" s="9" customFormat="1" ht="20.100000000000001" customHeight="1" x14ac:dyDescent="0.25">
      <c r="B27" s="129" t="s">
        <v>18</v>
      </c>
      <c r="C27" s="130"/>
      <c r="D27" s="14"/>
      <c r="E27" s="14"/>
      <c r="F27" s="14"/>
    </row>
    <row r="28" spans="2:6" s="9" customFormat="1" ht="20.100000000000001" customHeight="1" x14ac:dyDescent="0.25">
      <c r="B28" s="13"/>
      <c r="C28" s="13" t="s">
        <v>22</v>
      </c>
      <c r="D28" s="14"/>
      <c r="E28" s="14"/>
      <c r="F28" s="14"/>
    </row>
    <row r="29" spans="2:6" s="9" customFormat="1" ht="20.100000000000001" customHeight="1" x14ac:dyDescent="0.25">
      <c r="B29" s="13"/>
      <c r="C29" s="13" t="s">
        <v>23</v>
      </c>
      <c r="D29" s="14"/>
      <c r="E29" s="14"/>
      <c r="F29" s="14"/>
    </row>
    <row r="30" spans="2:6" s="9" customFormat="1" ht="20.100000000000001" customHeight="1" x14ac:dyDescent="0.25">
      <c r="B30" s="129" t="s">
        <v>19</v>
      </c>
      <c r="C30" s="130"/>
      <c r="D30" s="14"/>
      <c r="E30" s="14"/>
      <c r="F30" s="14"/>
    </row>
    <row r="31" spans="2:6" s="9" customFormat="1" ht="31.5" customHeight="1" x14ac:dyDescent="0.25">
      <c r="B31" s="17" t="s">
        <v>20</v>
      </c>
      <c r="C31" s="143" t="s">
        <v>13</v>
      </c>
      <c r="D31" s="144"/>
      <c r="E31" s="18" t="s">
        <v>12</v>
      </c>
      <c r="F31" s="18" t="s">
        <v>14</v>
      </c>
    </row>
    <row r="32" spans="2:6" s="9" customFormat="1" ht="24.95" customHeight="1" x14ac:dyDescent="0.25">
      <c r="B32" s="45" t="s">
        <v>2</v>
      </c>
      <c r="C32" s="103" t="s">
        <v>111</v>
      </c>
      <c r="D32" s="104"/>
      <c r="E32" s="16" t="s">
        <v>1</v>
      </c>
      <c r="F32" s="46">
        <v>1</v>
      </c>
    </row>
    <row r="33" spans="2:7" s="9" customFormat="1" ht="24.95" customHeight="1" x14ac:dyDescent="0.25">
      <c r="B33" s="45" t="s">
        <v>104</v>
      </c>
      <c r="C33" s="103" t="s">
        <v>112</v>
      </c>
      <c r="D33" s="104"/>
      <c r="E33" s="16" t="s">
        <v>1</v>
      </c>
      <c r="F33" s="46">
        <v>1</v>
      </c>
    </row>
    <row r="34" spans="2:7" s="9" customFormat="1" ht="24.95" customHeight="1" x14ac:dyDescent="0.25">
      <c r="B34" s="45" t="s">
        <v>105</v>
      </c>
      <c r="C34" s="103" t="s">
        <v>113</v>
      </c>
      <c r="D34" s="104"/>
      <c r="E34" s="16" t="s">
        <v>1</v>
      </c>
      <c r="F34" s="46">
        <v>1</v>
      </c>
    </row>
    <row r="35" spans="2:7" s="9" customFormat="1" ht="24.95" customHeight="1" x14ac:dyDescent="0.25">
      <c r="B35" s="45" t="s">
        <v>106</v>
      </c>
      <c r="C35" s="103" t="s">
        <v>114</v>
      </c>
      <c r="D35" s="104"/>
      <c r="E35" s="16" t="s">
        <v>1</v>
      </c>
      <c r="F35" s="46">
        <v>1</v>
      </c>
    </row>
    <row r="36" spans="2:7" s="9" customFormat="1" ht="24.95" customHeight="1" x14ac:dyDescent="0.25">
      <c r="B36" s="45" t="s">
        <v>107</v>
      </c>
      <c r="C36" s="103" t="s">
        <v>115</v>
      </c>
      <c r="D36" s="104"/>
      <c r="E36" s="16" t="s">
        <v>1</v>
      </c>
      <c r="F36" s="46">
        <v>1</v>
      </c>
    </row>
    <row r="37" spans="2:7" s="9" customFormat="1" ht="24.95" customHeight="1" x14ac:dyDescent="0.25">
      <c r="B37" s="45" t="s">
        <v>108</v>
      </c>
      <c r="C37" s="103" t="s">
        <v>116</v>
      </c>
      <c r="D37" s="104"/>
      <c r="E37" s="16" t="s">
        <v>1</v>
      </c>
      <c r="F37" s="46">
        <v>1</v>
      </c>
    </row>
    <row r="38" spans="2:7" s="9" customFormat="1" ht="24.95" customHeight="1" x14ac:dyDescent="0.25">
      <c r="B38" s="45" t="s">
        <v>109</v>
      </c>
      <c r="C38" s="103" t="s">
        <v>117</v>
      </c>
      <c r="D38" s="104"/>
      <c r="E38" s="16" t="s">
        <v>1</v>
      </c>
      <c r="F38" s="46">
        <v>1</v>
      </c>
    </row>
    <row r="39" spans="2:7" s="9" customFormat="1" ht="24.95" customHeight="1" x14ac:dyDescent="0.25">
      <c r="B39" s="45" t="s">
        <v>110</v>
      </c>
      <c r="C39" s="103" t="s">
        <v>118</v>
      </c>
      <c r="D39" s="104"/>
      <c r="E39" s="16" t="s">
        <v>1</v>
      </c>
      <c r="F39" s="46">
        <v>1</v>
      </c>
    </row>
    <row r="40" spans="2:7" s="9" customFormat="1" ht="4.5" customHeight="1" x14ac:dyDescent="0.25">
      <c r="B40" s="14"/>
      <c r="C40" s="14"/>
      <c r="D40" s="14"/>
      <c r="E40" s="14"/>
      <c r="F40" s="14"/>
    </row>
    <row r="41" spans="2:7" s="9" customFormat="1" ht="20.100000000000001" customHeight="1" x14ac:dyDescent="0.25">
      <c r="B41" s="129" t="s">
        <v>21</v>
      </c>
      <c r="C41" s="130"/>
      <c r="D41" s="14"/>
      <c r="E41" s="14"/>
      <c r="F41" s="14"/>
    </row>
    <row r="42" spans="2:7" s="9" customFormat="1" ht="20.100000000000001" customHeight="1" x14ac:dyDescent="0.2">
      <c r="B42" s="10"/>
      <c r="C42" s="9" t="s">
        <v>3</v>
      </c>
      <c r="D42" s="14"/>
      <c r="E42" s="14"/>
      <c r="F42" s="14"/>
    </row>
    <row r="43" spans="2:7" s="9" customFormat="1" ht="20.100000000000001" customHeight="1" x14ac:dyDescent="0.25">
      <c r="B43" s="13"/>
      <c r="C43" s="2" t="s">
        <v>4</v>
      </c>
      <c r="D43" s="14"/>
      <c r="E43" s="14"/>
      <c r="F43" s="14"/>
    </row>
    <row r="44" spans="2:7" ht="5.0999999999999996" customHeight="1" x14ac:dyDescent="0.2"/>
    <row r="45" spans="2:7" s="2" customFormat="1" ht="20.100000000000001" customHeight="1" x14ac:dyDescent="0.25">
      <c r="B45" s="105" t="s">
        <v>26</v>
      </c>
      <c r="C45" s="105"/>
      <c r="D45" s="105"/>
      <c r="E45" s="105"/>
      <c r="F45" s="105"/>
    </row>
    <row r="46" spans="2:7" s="2" customFormat="1" ht="5.0999999999999996" customHeight="1" thickBot="1" x14ac:dyDescent="0.3">
      <c r="B46" s="15"/>
      <c r="D46" s="6"/>
      <c r="E46" s="6"/>
      <c r="F46" s="6"/>
    </row>
    <row r="47" spans="2:7" s="3" customFormat="1" ht="93" customHeight="1" x14ac:dyDescent="0.25">
      <c r="B47" s="121" t="s">
        <v>0</v>
      </c>
      <c r="C47" s="122"/>
      <c r="D47" s="109" t="s">
        <v>28</v>
      </c>
      <c r="E47" s="110"/>
      <c r="F47" s="111"/>
      <c r="G47" s="23"/>
    </row>
    <row r="48" spans="2:7" s="3" customFormat="1" ht="30" customHeight="1" thickBot="1" x14ac:dyDescent="0.3">
      <c r="B48" s="123"/>
      <c r="C48" s="124"/>
      <c r="D48" s="24" t="s">
        <v>29</v>
      </c>
      <c r="E48" s="112" t="s">
        <v>30</v>
      </c>
      <c r="F48" s="113"/>
    </row>
    <row r="49" spans="2:6" s="25" customFormat="1" ht="30.75" customHeight="1" x14ac:dyDescent="0.25">
      <c r="B49" s="114" t="s">
        <v>119</v>
      </c>
      <c r="C49" s="115"/>
      <c r="D49" s="115"/>
      <c r="E49" s="115"/>
      <c r="F49" s="116"/>
    </row>
    <row r="50" spans="2:6" s="4" customFormat="1" ht="30" customHeight="1" x14ac:dyDescent="0.25">
      <c r="B50" s="59" t="s">
        <v>16</v>
      </c>
      <c r="C50" s="63" t="s">
        <v>520</v>
      </c>
      <c r="D50" s="48"/>
      <c r="E50" s="94"/>
      <c r="F50" s="95"/>
    </row>
    <row r="51" spans="2:6" s="4" customFormat="1" ht="30" customHeight="1" x14ac:dyDescent="0.25">
      <c r="B51" s="60" t="s">
        <v>120</v>
      </c>
      <c r="C51" s="63" t="s">
        <v>521</v>
      </c>
      <c r="D51" s="48"/>
      <c r="E51" s="94"/>
      <c r="F51" s="95"/>
    </row>
    <row r="52" spans="2:6" s="4" customFormat="1" ht="24.95" customHeight="1" x14ac:dyDescent="0.25">
      <c r="B52" s="60" t="s">
        <v>121</v>
      </c>
      <c r="C52" s="63" t="s">
        <v>522</v>
      </c>
      <c r="D52" s="48"/>
      <c r="E52" s="94"/>
      <c r="F52" s="95"/>
    </row>
    <row r="53" spans="2:6" s="4" customFormat="1" ht="24.95" customHeight="1" x14ac:dyDescent="0.25">
      <c r="B53" s="60" t="s">
        <v>122</v>
      </c>
      <c r="C53" s="63" t="s">
        <v>523</v>
      </c>
      <c r="D53" s="48"/>
      <c r="E53" s="94"/>
      <c r="F53" s="95"/>
    </row>
    <row r="54" spans="2:6" s="4" customFormat="1" ht="24.95" customHeight="1" x14ac:dyDescent="0.25">
      <c r="B54" s="60" t="s">
        <v>123</v>
      </c>
      <c r="C54" s="63" t="s">
        <v>524</v>
      </c>
      <c r="D54" s="48"/>
      <c r="E54" s="94"/>
      <c r="F54" s="95"/>
    </row>
    <row r="55" spans="2:6" s="4" customFormat="1" ht="30" customHeight="1" x14ac:dyDescent="0.25">
      <c r="B55" s="60" t="s">
        <v>124</v>
      </c>
      <c r="C55" s="63" t="s">
        <v>525</v>
      </c>
      <c r="D55" s="48"/>
      <c r="E55" s="94"/>
      <c r="F55" s="95"/>
    </row>
    <row r="56" spans="2:6" s="4" customFormat="1" ht="24.95" customHeight="1" x14ac:dyDescent="0.25">
      <c r="B56" s="60" t="s">
        <v>125</v>
      </c>
      <c r="C56" s="63" t="s">
        <v>526</v>
      </c>
      <c r="D56" s="48"/>
      <c r="E56" s="94"/>
      <c r="F56" s="95"/>
    </row>
    <row r="57" spans="2:6" s="4" customFormat="1" ht="24.95" customHeight="1" x14ac:dyDescent="0.25">
      <c r="B57" s="60" t="s">
        <v>126</v>
      </c>
      <c r="C57" s="63" t="s">
        <v>527</v>
      </c>
      <c r="D57" s="48"/>
      <c r="E57" s="94"/>
      <c r="F57" s="95"/>
    </row>
    <row r="58" spans="2:6" s="4" customFormat="1" ht="24.95" customHeight="1" x14ac:dyDescent="0.25">
      <c r="B58" s="60" t="s">
        <v>127</v>
      </c>
      <c r="C58" s="63" t="s">
        <v>528</v>
      </c>
      <c r="D58" s="48"/>
      <c r="E58" s="94"/>
      <c r="F58" s="95"/>
    </row>
    <row r="59" spans="2:6" s="4" customFormat="1" ht="30" customHeight="1" x14ac:dyDescent="0.25">
      <c r="B59" s="60" t="s">
        <v>128</v>
      </c>
      <c r="C59" s="63" t="s">
        <v>529</v>
      </c>
      <c r="D59" s="48"/>
      <c r="E59" s="94"/>
      <c r="F59" s="95"/>
    </row>
    <row r="60" spans="2:6" s="4" customFormat="1" ht="24.95" customHeight="1" x14ac:dyDescent="0.25">
      <c r="B60" s="60" t="s">
        <v>129</v>
      </c>
      <c r="C60" s="63" t="s">
        <v>530</v>
      </c>
      <c r="D60" s="48"/>
      <c r="E60" s="94"/>
      <c r="F60" s="95"/>
    </row>
    <row r="61" spans="2:6" s="4" customFormat="1" ht="30" customHeight="1" x14ac:dyDescent="0.25">
      <c r="B61" s="60" t="s">
        <v>130</v>
      </c>
      <c r="C61" s="63" t="s">
        <v>531</v>
      </c>
      <c r="D61" s="48"/>
      <c r="E61" s="94"/>
      <c r="F61" s="95"/>
    </row>
    <row r="62" spans="2:6" s="25" customFormat="1" ht="30.75" customHeight="1" x14ac:dyDescent="0.25">
      <c r="B62" s="91" t="s">
        <v>131</v>
      </c>
      <c r="C62" s="92"/>
      <c r="D62" s="92"/>
      <c r="E62" s="92"/>
      <c r="F62" s="93"/>
    </row>
    <row r="63" spans="2:6" s="4" customFormat="1" ht="54" customHeight="1" x14ac:dyDescent="0.25">
      <c r="B63" s="59" t="s">
        <v>57</v>
      </c>
      <c r="C63" s="80" t="s">
        <v>445</v>
      </c>
      <c r="D63" s="48"/>
      <c r="E63" s="94"/>
      <c r="F63" s="95"/>
    </row>
    <row r="64" spans="2:6" s="4" customFormat="1" ht="24.95" customHeight="1" x14ac:dyDescent="0.25">
      <c r="B64" s="60" t="s">
        <v>132</v>
      </c>
      <c r="C64" s="80" t="s">
        <v>532</v>
      </c>
      <c r="D64" s="48"/>
      <c r="E64" s="94"/>
      <c r="F64" s="95"/>
    </row>
    <row r="65" spans="2:6" s="4" customFormat="1" ht="24.95" customHeight="1" x14ac:dyDescent="0.25">
      <c r="B65" s="60" t="s">
        <v>133</v>
      </c>
      <c r="C65" s="80" t="s">
        <v>533</v>
      </c>
      <c r="D65" s="48"/>
      <c r="E65" s="94"/>
      <c r="F65" s="95"/>
    </row>
    <row r="66" spans="2:6" s="4" customFormat="1" ht="24.95" customHeight="1" x14ac:dyDescent="0.25">
      <c r="B66" s="60" t="s">
        <v>134</v>
      </c>
      <c r="C66" s="80" t="s">
        <v>534</v>
      </c>
      <c r="D66" s="48"/>
      <c r="E66" s="94"/>
      <c r="F66" s="95"/>
    </row>
    <row r="67" spans="2:6" s="4" customFormat="1" ht="24.95" customHeight="1" x14ac:dyDescent="0.25">
      <c r="B67" s="60" t="s">
        <v>135</v>
      </c>
      <c r="C67" s="80" t="s">
        <v>535</v>
      </c>
      <c r="D67" s="48"/>
      <c r="E67" s="94"/>
      <c r="F67" s="95"/>
    </row>
    <row r="68" spans="2:6" s="4" customFormat="1" ht="24.95" customHeight="1" x14ac:dyDescent="0.25">
      <c r="B68" s="60" t="s">
        <v>136</v>
      </c>
      <c r="C68" s="80" t="s">
        <v>536</v>
      </c>
      <c r="D68" s="48"/>
      <c r="E68" s="94"/>
      <c r="F68" s="95"/>
    </row>
    <row r="69" spans="2:6" s="4" customFormat="1" ht="30" customHeight="1" x14ac:dyDescent="0.25">
      <c r="B69" s="60" t="s">
        <v>137</v>
      </c>
      <c r="C69" s="80" t="s">
        <v>537</v>
      </c>
      <c r="D69" s="48"/>
      <c r="E69" s="94"/>
      <c r="F69" s="95"/>
    </row>
    <row r="70" spans="2:6" s="4" customFormat="1" ht="30" customHeight="1" x14ac:dyDescent="0.25">
      <c r="B70" s="60" t="s">
        <v>138</v>
      </c>
      <c r="C70" s="80" t="s">
        <v>538</v>
      </c>
      <c r="D70" s="48"/>
      <c r="E70" s="94"/>
      <c r="F70" s="95"/>
    </row>
    <row r="71" spans="2:6" s="4" customFormat="1" ht="44.25" customHeight="1" x14ac:dyDescent="0.25">
      <c r="B71" s="60" t="s">
        <v>139</v>
      </c>
      <c r="C71" s="80" t="s">
        <v>539</v>
      </c>
      <c r="D71" s="48"/>
      <c r="E71" s="94"/>
      <c r="F71" s="95"/>
    </row>
    <row r="72" spans="2:6" s="4" customFormat="1" ht="55.5" customHeight="1" x14ac:dyDescent="0.25">
      <c r="B72" s="60" t="s">
        <v>140</v>
      </c>
      <c r="C72" s="80" t="s">
        <v>540</v>
      </c>
      <c r="D72" s="48"/>
      <c r="E72" s="94"/>
      <c r="F72" s="95"/>
    </row>
    <row r="73" spans="2:6" s="4" customFormat="1" ht="24.95" customHeight="1" x14ac:dyDescent="0.25">
      <c r="B73" s="60" t="s">
        <v>141</v>
      </c>
      <c r="C73" s="81" t="s">
        <v>541</v>
      </c>
      <c r="D73" s="48"/>
      <c r="E73" s="94"/>
      <c r="F73" s="95"/>
    </row>
    <row r="74" spans="2:6" s="4" customFormat="1" ht="69" customHeight="1" x14ac:dyDescent="0.25">
      <c r="B74" s="61" t="s">
        <v>142</v>
      </c>
      <c r="C74" s="80" t="s">
        <v>542</v>
      </c>
      <c r="D74" s="48"/>
      <c r="E74" s="94"/>
      <c r="F74" s="95"/>
    </row>
    <row r="75" spans="2:6" s="4" customFormat="1" ht="173.25" customHeight="1" x14ac:dyDescent="0.25">
      <c r="B75" s="61" t="s">
        <v>143</v>
      </c>
      <c r="C75" s="80" t="s">
        <v>543</v>
      </c>
      <c r="D75" s="48"/>
      <c r="E75" s="94"/>
      <c r="F75" s="95"/>
    </row>
    <row r="76" spans="2:6" s="4" customFormat="1" ht="101.25" customHeight="1" x14ac:dyDescent="0.25">
      <c r="B76" s="61" t="s">
        <v>144</v>
      </c>
      <c r="C76" s="80" t="s">
        <v>544</v>
      </c>
      <c r="D76" s="48"/>
      <c r="E76" s="94"/>
      <c r="F76" s="95"/>
    </row>
    <row r="77" spans="2:6" s="4" customFormat="1" ht="45" customHeight="1" x14ac:dyDescent="0.25">
      <c r="B77" s="61" t="s">
        <v>145</v>
      </c>
      <c r="C77" s="80" t="s">
        <v>545</v>
      </c>
      <c r="D77" s="48"/>
      <c r="E77" s="94"/>
      <c r="F77" s="95"/>
    </row>
    <row r="78" spans="2:6" s="4" customFormat="1" ht="75.75" customHeight="1" x14ac:dyDescent="0.25">
      <c r="B78" s="60" t="s">
        <v>146</v>
      </c>
      <c r="C78" s="80" t="s">
        <v>147</v>
      </c>
      <c r="D78" s="48"/>
      <c r="E78" s="94"/>
      <c r="F78" s="95"/>
    </row>
    <row r="79" spans="2:6" s="4" customFormat="1" ht="43.5" customHeight="1" x14ac:dyDescent="0.25">
      <c r="B79" s="60" t="s">
        <v>148</v>
      </c>
      <c r="C79" s="80" t="s">
        <v>546</v>
      </c>
      <c r="D79" s="48"/>
      <c r="E79" s="94"/>
      <c r="F79" s="95"/>
    </row>
    <row r="80" spans="2:6" s="4" customFormat="1" ht="40.5" customHeight="1" x14ac:dyDescent="0.25">
      <c r="B80" s="60" t="s">
        <v>149</v>
      </c>
      <c r="C80" s="80" t="s">
        <v>150</v>
      </c>
      <c r="D80" s="48"/>
      <c r="E80" s="94"/>
      <c r="F80" s="95"/>
    </row>
    <row r="81" spans="2:6" s="4" customFormat="1" ht="35.25" customHeight="1" x14ac:dyDescent="0.25">
      <c r="B81" s="60" t="s">
        <v>151</v>
      </c>
      <c r="C81" s="80" t="s">
        <v>152</v>
      </c>
      <c r="D81" s="48"/>
      <c r="E81" s="94"/>
      <c r="F81" s="95"/>
    </row>
    <row r="82" spans="2:6" s="4" customFormat="1" ht="44.25" customHeight="1" x14ac:dyDescent="0.25">
      <c r="B82" s="60" t="s">
        <v>153</v>
      </c>
      <c r="C82" s="80" t="s">
        <v>154</v>
      </c>
      <c r="D82" s="48"/>
      <c r="E82" s="94"/>
      <c r="F82" s="95"/>
    </row>
    <row r="83" spans="2:6" s="4" customFormat="1" ht="30" customHeight="1" x14ac:dyDescent="0.25">
      <c r="B83" s="60" t="s">
        <v>155</v>
      </c>
      <c r="C83" s="80" t="s">
        <v>156</v>
      </c>
      <c r="D83" s="48"/>
      <c r="E83" s="94"/>
      <c r="F83" s="95"/>
    </row>
    <row r="84" spans="2:6" s="4" customFormat="1" ht="24.95" customHeight="1" x14ac:dyDescent="0.25">
      <c r="B84" s="60" t="s">
        <v>157</v>
      </c>
      <c r="C84" s="82" t="s">
        <v>158</v>
      </c>
      <c r="D84" s="48"/>
      <c r="E84" s="94"/>
      <c r="F84" s="95"/>
    </row>
    <row r="85" spans="2:6" s="4" customFormat="1" ht="24.95" customHeight="1" x14ac:dyDescent="0.25">
      <c r="B85" s="61" t="s">
        <v>159</v>
      </c>
      <c r="C85" s="80" t="s">
        <v>547</v>
      </c>
      <c r="D85" s="48"/>
      <c r="E85" s="94"/>
      <c r="F85" s="95"/>
    </row>
    <row r="86" spans="2:6" s="4" customFormat="1" ht="24.95" customHeight="1" x14ac:dyDescent="0.25">
      <c r="B86" s="61" t="s">
        <v>160</v>
      </c>
      <c r="C86" s="80" t="s">
        <v>548</v>
      </c>
      <c r="D86" s="48"/>
      <c r="E86" s="94"/>
      <c r="F86" s="95"/>
    </row>
    <row r="87" spans="2:6" s="4" customFormat="1" ht="30" customHeight="1" x14ac:dyDescent="0.25">
      <c r="B87" s="61" t="s">
        <v>161</v>
      </c>
      <c r="C87" s="80" t="s">
        <v>549</v>
      </c>
      <c r="D87" s="48"/>
      <c r="E87" s="94"/>
      <c r="F87" s="95"/>
    </row>
    <row r="88" spans="2:6" s="4" customFormat="1" ht="24.95" customHeight="1" x14ac:dyDescent="0.25">
      <c r="B88" s="61" t="s">
        <v>162</v>
      </c>
      <c r="C88" s="80" t="s">
        <v>550</v>
      </c>
      <c r="D88" s="48"/>
      <c r="E88" s="94"/>
      <c r="F88" s="95"/>
    </row>
    <row r="89" spans="2:6" s="4" customFormat="1" ht="24.95" customHeight="1" x14ac:dyDescent="0.25">
      <c r="B89" s="61" t="s">
        <v>163</v>
      </c>
      <c r="C89" s="80" t="s">
        <v>551</v>
      </c>
      <c r="D89" s="48"/>
      <c r="E89" s="94"/>
      <c r="F89" s="95"/>
    </row>
    <row r="90" spans="2:6" s="4" customFormat="1" ht="30" customHeight="1" x14ac:dyDescent="0.25">
      <c r="B90" s="61" t="s">
        <v>164</v>
      </c>
      <c r="C90" s="80" t="s">
        <v>552</v>
      </c>
      <c r="D90" s="48"/>
      <c r="E90" s="94"/>
      <c r="F90" s="95"/>
    </row>
    <row r="91" spans="2:6" s="4" customFormat="1" ht="24.95" customHeight="1" x14ac:dyDescent="0.25">
      <c r="B91" s="61" t="s">
        <v>165</v>
      </c>
      <c r="C91" s="80" t="s">
        <v>553</v>
      </c>
      <c r="D91" s="48"/>
      <c r="E91" s="94"/>
      <c r="F91" s="95"/>
    </row>
    <row r="92" spans="2:6" s="4" customFormat="1" ht="24.95" customHeight="1" x14ac:dyDescent="0.25">
      <c r="B92" s="61" t="s">
        <v>166</v>
      </c>
      <c r="C92" s="80" t="s">
        <v>554</v>
      </c>
      <c r="D92" s="48"/>
      <c r="E92" s="94"/>
      <c r="F92" s="95"/>
    </row>
    <row r="93" spans="2:6" s="4" customFormat="1" ht="71.25" customHeight="1" x14ac:dyDescent="0.25">
      <c r="B93" s="61" t="s">
        <v>167</v>
      </c>
      <c r="C93" s="80" t="s">
        <v>555</v>
      </c>
      <c r="D93" s="48"/>
      <c r="E93" s="94"/>
      <c r="F93" s="95"/>
    </row>
    <row r="94" spans="2:6" s="4" customFormat="1" ht="43.5" customHeight="1" x14ac:dyDescent="0.25">
      <c r="B94" s="61" t="s">
        <v>168</v>
      </c>
      <c r="C94" s="80" t="s">
        <v>556</v>
      </c>
      <c r="D94" s="48"/>
      <c r="E94" s="94"/>
      <c r="F94" s="95"/>
    </row>
    <row r="95" spans="2:6" s="4" customFormat="1" ht="30" customHeight="1" x14ac:dyDescent="0.25">
      <c r="B95" s="61" t="s">
        <v>169</v>
      </c>
      <c r="C95" s="80" t="s">
        <v>557</v>
      </c>
      <c r="D95" s="48"/>
      <c r="E95" s="94"/>
      <c r="F95" s="95"/>
    </row>
    <row r="96" spans="2:6" s="4" customFormat="1" ht="30" customHeight="1" x14ac:dyDescent="0.25">
      <c r="B96" s="61" t="s">
        <v>170</v>
      </c>
      <c r="C96" s="80" t="s">
        <v>558</v>
      </c>
      <c r="D96" s="48"/>
      <c r="E96" s="94"/>
      <c r="F96" s="95"/>
    </row>
    <row r="97" spans="2:6" s="4" customFormat="1" ht="60" customHeight="1" x14ac:dyDescent="0.25">
      <c r="B97" s="61" t="s">
        <v>171</v>
      </c>
      <c r="C97" s="80" t="s">
        <v>559</v>
      </c>
      <c r="D97" s="48"/>
      <c r="E97" s="94"/>
      <c r="F97" s="95"/>
    </row>
    <row r="98" spans="2:6" s="4" customFormat="1" ht="24.95" customHeight="1" x14ac:dyDescent="0.25">
      <c r="B98" s="61" t="s">
        <v>172</v>
      </c>
      <c r="C98" s="80" t="s">
        <v>560</v>
      </c>
      <c r="D98" s="48"/>
      <c r="E98" s="94"/>
      <c r="F98" s="95"/>
    </row>
    <row r="99" spans="2:6" s="4" customFormat="1" ht="24.95" customHeight="1" x14ac:dyDescent="0.25">
      <c r="B99" s="61" t="s">
        <v>173</v>
      </c>
      <c r="C99" s="80" t="s">
        <v>561</v>
      </c>
      <c r="D99" s="48"/>
      <c r="E99" s="94"/>
      <c r="F99" s="95"/>
    </row>
    <row r="100" spans="2:6" s="4" customFormat="1" ht="24.95" customHeight="1" x14ac:dyDescent="0.25">
      <c r="B100" s="61" t="s">
        <v>174</v>
      </c>
      <c r="C100" s="80" t="s">
        <v>562</v>
      </c>
      <c r="D100" s="48"/>
      <c r="E100" s="94"/>
      <c r="F100" s="95"/>
    </row>
    <row r="101" spans="2:6" s="4" customFormat="1" ht="24.95" customHeight="1" x14ac:dyDescent="0.25">
      <c r="B101" s="61" t="s">
        <v>175</v>
      </c>
      <c r="C101" s="80" t="s">
        <v>563</v>
      </c>
      <c r="D101" s="48"/>
      <c r="E101" s="94"/>
      <c r="F101" s="95"/>
    </row>
    <row r="102" spans="2:6" s="4" customFormat="1" ht="30" customHeight="1" x14ac:dyDescent="0.25">
      <c r="B102" s="61" t="s">
        <v>176</v>
      </c>
      <c r="C102" s="80" t="s">
        <v>564</v>
      </c>
      <c r="D102" s="48"/>
      <c r="E102" s="94"/>
      <c r="F102" s="95"/>
    </row>
    <row r="103" spans="2:6" s="4" customFormat="1" ht="24.95" customHeight="1" x14ac:dyDescent="0.25">
      <c r="B103" s="61" t="s">
        <v>177</v>
      </c>
      <c r="C103" s="80" t="s">
        <v>565</v>
      </c>
      <c r="D103" s="48"/>
      <c r="E103" s="94"/>
      <c r="F103" s="95"/>
    </row>
    <row r="104" spans="2:6" s="4" customFormat="1" ht="24.95" customHeight="1" x14ac:dyDescent="0.25">
      <c r="B104" s="61" t="s">
        <v>178</v>
      </c>
      <c r="C104" s="80" t="s">
        <v>566</v>
      </c>
      <c r="D104" s="48"/>
      <c r="E104" s="94"/>
      <c r="F104" s="95"/>
    </row>
    <row r="105" spans="2:6" s="4" customFormat="1" ht="24.95" customHeight="1" x14ac:dyDescent="0.25">
      <c r="B105" s="61" t="s">
        <v>179</v>
      </c>
      <c r="C105" s="80" t="s">
        <v>567</v>
      </c>
      <c r="D105" s="48"/>
      <c r="E105" s="94"/>
      <c r="F105" s="95"/>
    </row>
    <row r="106" spans="2:6" s="4" customFormat="1" ht="24.95" customHeight="1" x14ac:dyDescent="0.25">
      <c r="B106" s="61" t="s">
        <v>180</v>
      </c>
      <c r="C106" s="80" t="s">
        <v>568</v>
      </c>
      <c r="D106" s="48"/>
      <c r="E106" s="94"/>
      <c r="F106" s="95"/>
    </row>
    <row r="107" spans="2:6" s="4" customFormat="1" ht="24.95" customHeight="1" x14ac:dyDescent="0.25">
      <c r="B107" s="61" t="s">
        <v>181</v>
      </c>
      <c r="C107" s="80" t="s">
        <v>569</v>
      </c>
      <c r="D107" s="48"/>
      <c r="E107" s="94"/>
      <c r="F107" s="95"/>
    </row>
    <row r="108" spans="2:6" s="4" customFormat="1" ht="24.95" customHeight="1" x14ac:dyDescent="0.25">
      <c r="B108" s="61" t="s">
        <v>182</v>
      </c>
      <c r="C108" s="80" t="s">
        <v>570</v>
      </c>
      <c r="D108" s="48"/>
      <c r="E108" s="94"/>
      <c r="F108" s="95"/>
    </row>
    <row r="109" spans="2:6" s="4" customFormat="1" ht="45" customHeight="1" x14ac:dyDescent="0.25">
      <c r="B109" s="61" t="s">
        <v>183</v>
      </c>
      <c r="C109" s="80" t="s">
        <v>571</v>
      </c>
      <c r="D109" s="48"/>
      <c r="E109" s="94"/>
      <c r="F109" s="95"/>
    </row>
    <row r="110" spans="2:6" s="4" customFormat="1" ht="98.25" customHeight="1" x14ac:dyDescent="0.25">
      <c r="B110" s="60" t="s">
        <v>184</v>
      </c>
      <c r="C110" s="80" t="s">
        <v>572</v>
      </c>
      <c r="D110" s="48"/>
      <c r="E110" s="94"/>
      <c r="F110" s="95"/>
    </row>
    <row r="111" spans="2:6" s="4" customFormat="1" ht="24.95" customHeight="1" x14ac:dyDescent="0.25">
      <c r="B111" s="61" t="s">
        <v>185</v>
      </c>
      <c r="C111" s="80" t="s">
        <v>547</v>
      </c>
      <c r="D111" s="48"/>
      <c r="E111" s="94"/>
      <c r="F111" s="95"/>
    </row>
    <row r="112" spans="2:6" s="4" customFormat="1" ht="24.95" customHeight="1" x14ac:dyDescent="0.25">
      <c r="B112" s="61" t="s">
        <v>186</v>
      </c>
      <c r="C112" s="80" t="s">
        <v>548</v>
      </c>
      <c r="D112" s="48"/>
      <c r="E112" s="94"/>
      <c r="F112" s="95"/>
    </row>
    <row r="113" spans="2:6" s="4" customFormat="1" ht="24.95" customHeight="1" x14ac:dyDescent="0.25">
      <c r="B113" s="61" t="s">
        <v>187</v>
      </c>
      <c r="C113" s="80" t="s">
        <v>573</v>
      </c>
      <c r="D113" s="48"/>
      <c r="E113" s="94"/>
      <c r="F113" s="95"/>
    </row>
    <row r="114" spans="2:6" s="4" customFormat="1" ht="30" customHeight="1" x14ac:dyDescent="0.25">
      <c r="B114" s="61" t="s">
        <v>188</v>
      </c>
      <c r="C114" s="80" t="s">
        <v>574</v>
      </c>
      <c r="D114" s="48"/>
      <c r="E114" s="94"/>
      <c r="F114" s="95"/>
    </row>
    <row r="115" spans="2:6" s="4" customFormat="1" ht="42" customHeight="1" x14ac:dyDescent="0.25">
      <c r="B115" s="61" t="s">
        <v>189</v>
      </c>
      <c r="C115" s="80" t="s">
        <v>575</v>
      </c>
      <c r="D115" s="48"/>
      <c r="E115" s="94"/>
      <c r="F115" s="95"/>
    </row>
    <row r="116" spans="2:6" s="4" customFormat="1" ht="24.95" customHeight="1" x14ac:dyDescent="0.25">
      <c r="B116" s="61" t="s">
        <v>190</v>
      </c>
      <c r="C116" s="80" t="s">
        <v>562</v>
      </c>
      <c r="D116" s="48"/>
      <c r="E116" s="94"/>
      <c r="F116" s="95"/>
    </row>
    <row r="117" spans="2:6" s="4" customFormat="1" ht="30" customHeight="1" x14ac:dyDescent="0.25">
      <c r="B117" s="61" t="s">
        <v>191</v>
      </c>
      <c r="C117" s="80" t="s">
        <v>576</v>
      </c>
      <c r="D117" s="48"/>
      <c r="E117" s="94"/>
      <c r="F117" s="95"/>
    </row>
    <row r="118" spans="2:6" s="4" customFormat="1" ht="24.95" customHeight="1" x14ac:dyDescent="0.25">
      <c r="B118" s="61" t="s">
        <v>192</v>
      </c>
      <c r="C118" s="80" t="s">
        <v>577</v>
      </c>
      <c r="D118" s="48"/>
      <c r="E118" s="94"/>
      <c r="F118" s="95"/>
    </row>
    <row r="119" spans="2:6" s="4" customFormat="1" ht="24.95" customHeight="1" x14ac:dyDescent="0.25">
      <c r="B119" s="61" t="s">
        <v>193</v>
      </c>
      <c r="C119" s="80" t="s">
        <v>569</v>
      </c>
      <c r="D119" s="48"/>
      <c r="E119" s="94"/>
      <c r="F119" s="95"/>
    </row>
    <row r="120" spans="2:6" s="4" customFormat="1" ht="41.25" customHeight="1" x14ac:dyDescent="0.25">
      <c r="B120" s="61" t="s">
        <v>194</v>
      </c>
      <c r="C120" s="80" t="s">
        <v>571</v>
      </c>
      <c r="D120" s="48"/>
      <c r="E120" s="94"/>
      <c r="F120" s="95"/>
    </row>
    <row r="121" spans="2:6" s="4" customFormat="1" ht="24.95" customHeight="1" x14ac:dyDescent="0.25">
      <c r="B121" s="61" t="s">
        <v>195</v>
      </c>
      <c r="C121" s="80" t="s">
        <v>578</v>
      </c>
      <c r="D121" s="48"/>
      <c r="E121" s="94"/>
      <c r="F121" s="95"/>
    </row>
    <row r="122" spans="2:6" s="4" customFormat="1" ht="24.95" customHeight="1" x14ac:dyDescent="0.25">
      <c r="B122" s="61" t="s">
        <v>196</v>
      </c>
      <c r="C122" s="80" t="s">
        <v>579</v>
      </c>
      <c r="D122" s="48"/>
      <c r="E122" s="94"/>
      <c r="F122" s="95"/>
    </row>
    <row r="123" spans="2:6" s="4" customFormat="1" ht="24.95" customHeight="1" x14ac:dyDescent="0.25">
      <c r="B123" s="61" t="s">
        <v>197</v>
      </c>
      <c r="C123" s="80" t="s">
        <v>580</v>
      </c>
      <c r="D123" s="48"/>
      <c r="E123" s="94"/>
      <c r="F123" s="95"/>
    </row>
    <row r="124" spans="2:6" s="4" customFormat="1" ht="70.5" customHeight="1" x14ac:dyDescent="0.25">
      <c r="B124" s="61" t="s">
        <v>198</v>
      </c>
      <c r="C124" s="80" t="s">
        <v>581</v>
      </c>
      <c r="D124" s="48"/>
      <c r="E124" s="94"/>
      <c r="F124" s="95"/>
    </row>
    <row r="125" spans="2:6" s="4" customFormat="1" ht="30" customHeight="1" x14ac:dyDescent="0.25">
      <c r="B125" s="61" t="s">
        <v>199</v>
      </c>
      <c r="C125" s="80" t="s">
        <v>557</v>
      </c>
      <c r="D125" s="48"/>
      <c r="E125" s="94"/>
      <c r="F125" s="95"/>
    </row>
    <row r="126" spans="2:6" s="4" customFormat="1" ht="30" customHeight="1" x14ac:dyDescent="0.25">
      <c r="B126" s="61" t="s">
        <v>200</v>
      </c>
      <c r="C126" s="80" t="s">
        <v>558</v>
      </c>
      <c r="D126" s="48"/>
      <c r="E126" s="94"/>
      <c r="F126" s="95"/>
    </row>
    <row r="127" spans="2:6" s="25" customFormat="1" ht="30.75" customHeight="1" x14ac:dyDescent="0.25">
      <c r="B127" s="91" t="s">
        <v>201</v>
      </c>
      <c r="C127" s="92"/>
      <c r="D127" s="92"/>
      <c r="E127" s="92"/>
      <c r="F127" s="93"/>
    </row>
    <row r="128" spans="2:6" s="4" customFormat="1" ht="43.5" customHeight="1" x14ac:dyDescent="0.25">
      <c r="B128" s="59" t="s">
        <v>58</v>
      </c>
      <c r="C128" s="80" t="s">
        <v>582</v>
      </c>
      <c r="D128" s="48"/>
      <c r="E128" s="94"/>
      <c r="F128" s="95"/>
    </row>
    <row r="129" spans="2:6" s="4" customFormat="1" ht="30" customHeight="1" x14ac:dyDescent="0.25">
      <c r="B129" s="60" t="s">
        <v>94</v>
      </c>
      <c r="C129" s="80" t="s">
        <v>583</v>
      </c>
      <c r="D129" s="48"/>
      <c r="E129" s="94"/>
      <c r="F129" s="95"/>
    </row>
    <row r="130" spans="2:6" s="4" customFormat="1" ht="67.5" customHeight="1" x14ac:dyDescent="0.25">
      <c r="B130" s="60" t="s">
        <v>95</v>
      </c>
      <c r="C130" s="80" t="s">
        <v>584</v>
      </c>
      <c r="D130" s="48"/>
      <c r="E130" s="94"/>
      <c r="F130" s="95"/>
    </row>
    <row r="131" spans="2:6" s="4" customFormat="1" ht="46.5" customHeight="1" x14ac:dyDescent="0.25">
      <c r="B131" s="60" t="s">
        <v>96</v>
      </c>
      <c r="C131" s="80" t="s">
        <v>585</v>
      </c>
      <c r="D131" s="48"/>
      <c r="E131" s="94"/>
      <c r="F131" s="95"/>
    </row>
    <row r="132" spans="2:6" s="4" customFormat="1" ht="35.1" customHeight="1" x14ac:dyDescent="0.25">
      <c r="B132" s="60" t="s">
        <v>586</v>
      </c>
      <c r="C132" s="80" t="s">
        <v>587</v>
      </c>
      <c r="D132" s="48"/>
      <c r="E132" s="94"/>
      <c r="F132" s="95"/>
    </row>
    <row r="133" spans="2:6" s="4" customFormat="1" ht="35.1" customHeight="1" x14ac:dyDescent="0.25">
      <c r="B133" s="60" t="s">
        <v>588</v>
      </c>
      <c r="C133" s="80" t="s">
        <v>589</v>
      </c>
      <c r="D133" s="48"/>
      <c r="E133" s="94"/>
      <c r="F133" s="95"/>
    </row>
    <row r="134" spans="2:6" s="4" customFormat="1" ht="35.1" customHeight="1" x14ac:dyDescent="0.25">
      <c r="B134" s="60" t="s">
        <v>590</v>
      </c>
      <c r="C134" s="80" t="s">
        <v>591</v>
      </c>
      <c r="D134" s="48"/>
      <c r="E134" s="94"/>
      <c r="F134" s="95"/>
    </row>
    <row r="135" spans="2:6" s="4" customFormat="1" ht="63" customHeight="1" x14ac:dyDescent="0.25">
      <c r="B135" s="60" t="s">
        <v>592</v>
      </c>
      <c r="C135" s="80" t="s">
        <v>593</v>
      </c>
      <c r="D135" s="48"/>
      <c r="E135" s="94"/>
      <c r="F135" s="95"/>
    </row>
    <row r="136" spans="2:6" s="4" customFormat="1" ht="58.5" customHeight="1" x14ac:dyDescent="0.25">
      <c r="B136" s="60" t="s">
        <v>594</v>
      </c>
      <c r="C136" s="80" t="s">
        <v>595</v>
      </c>
      <c r="D136" s="48"/>
      <c r="E136" s="94"/>
      <c r="F136" s="95"/>
    </row>
    <row r="137" spans="2:6" s="4" customFormat="1" ht="41.25" customHeight="1" x14ac:dyDescent="0.25">
      <c r="B137" s="60" t="s">
        <v>596</v>
      </c>
      <c r="C137" s="80" t="s">
        <v>597</v>
      </c>
      <c r="D137" s="48"/>
      <c r="E137" s="94"/>
      <c r="F137" s="95"/>
    </row>
    <row r="138" spans="2:6" s="4" customFormat="1" ht="44.25" customHeight="1" x14ac:dyDescent="0.25">
      <c r="B138" s="60" t="s">
        <v>598</v>
      </c>
      <c r="C138" s="80" t="s">
        <v>599</v>
      </c>
      <c r="D138" s="48"/>
      <c r="E138" s="94"/>
      <c r="F138" s="95"/>
    </row>
    <row r="139" spans="2:6" s="4" customFormat="1" ht="24.95" customHeight="1" x14ac:dyDescent="0.25">
      <c r="B139" s="60" t="s">
        <v>600</v>
      </c>
      <c r="C139" s="82" t="s">
        <v>601</v>
      </c>
      <c r="D139" s="48"/>
      <c r="E139" s="94"/>
      <c r="F139" s="95"/>
    </row>
    <row r="140" spans="2:6" s="4" customFormat="1" ht="33.75" customHeight="1" x14ac:dyDescent="0.25">
      <c r="B140" s="61" t="s">
        <v>602</v>
      </c>
      <c r="C140" s="80" t="s">
        <v>603</v>
      </c>
      <c r="D140" s="48"/>
      <c r="E140" s="94"/>
      <c r="F140" s="95"/>
    </row>
    <row r="141" spans="2:6" s="4" customFormat="1" ht="24.95" customHeight="1" x14ac:dyDescent="0.25">
      <c r="B141" s="61" t="s">
        <v>604</v>
      </c>
      <c r="C141" s="80" t="s">
        <v>605</v>
      </c>
      <c r="D141" s="48"/>
      <c r="E141" s="94"/>
      <c r="F141" s="95"/>
    </row>
    <row r="142" spans="2:6" s="4" customFormat="1" ht="24.95" customHeight="1" x14ac:dyDescent="0.25">
      <c r="B142" s="61" t="s">
        <v>606</v>
      </c>
      <c r="C142" s="80" t="s">
        <v>607</v>
      </c>
      <c r="D142" s="48"/>
      <c r="E142" s="94"/>
      <c r="F142" s="95"/>
    </row>
    <row r="143" spans="2:6" s="4" customFormat="1" ht="24.95" customHeight="1" x14ac:dyDescent="0.25">
      <c r="B143" s="61" t="s">
        <v>608</v>
      </c>
      <c r="C143" s="80" t="s">
        <v>609</v>
      </c>
      <c r="D143" s="48"/>
      <c r="E143" s="94"/>
      <c r="F143" s="95"/>
    </row>
    <row r="144" spans="2:6" s="4" customFormat="1" ht="24.95" customHeight="1" x14ac:dyDescent="0.25">
      <c r="B144" s="61" t="s">
        <v>610</v>
      </c>
      <c r="C144" s="80" t="s">
        <v>611</v>
      </c>
      <c r="D144" s="48"/>
      <c r="E144" s="94"/>
      <c r="F144" s="95"/>
    </row>
    <row r="145" spans="2:6" s="4" customFormat="1" ht="24.95" customHeight="1" x14ac:dyDescent="0.25">
      <c r="B145" s="61" t="s">
        <v>612</v>
      </c>
      <c r="C145" s="80" t="s">
        <v>613</v>
      </c>
      <c r="D145" s="48"/>
      <c r="E145" s="94"/>
      <c r="F145" s="95"/>
    </row>
    <row r="146" spans="2:6" s="4" customFormat="1" ht="24.95" customHeight="1" x14ac:dyDescent="0.25">
      <c r="B146" s="60" t="s">
        <v>614</v>
      </c>
      <c r="C146" s="82" t="s">
        <v>615</v>
      </c>
      <c r="D146" s="48"/>
      <c r="E146" s="94"/>
      <c r="F146" s="95"/>
    </row>
    <row r="147" spans="2:6" s="4" customFormat="1" ht="30" customHeight="1" x14ac:dyDescent="0.25">
      <c r="B147" s="61" t="s">
        <v>616</v>
      </c>
      <c r="C147" s="80" t="s">
        <v>617</v>
      </c>
      <c r="D147" s="48"/>
      <c r="E147" s="94"/>
      <c r="F147" s="95"/>
    </row>
    <row r="148" spans="2:6" s="4" customFormat="1" ht="49.5" customHeight="1" x14ac:dyDescent="0.25">
      <c r="B148" s="61" t="s">
        <v>618</v>
      </c>
      <c r="C148" s="80" t="s">
        <v>619</v>
      </c>
      <c r="D148" s="48"/>
      <c r="E148" s="94"/>
      <c r="F148" s="95"/>
    </row>
    <row r="149" spans="2:6" s="25" customFormat="1" ht="30.75" customHeight="1" x14ac:dyDescent="0.25">
      <c r="B149" s="91" t="s">
        <v>202</v>
      </c>
      <c r="C149" s="92"/>
      <c r="D149" s="92"/>
      <c r="E149" s="92"/>
      <c r="F149" s="93"/>
    </row>
    <row r="150" spans="2:6" s="4" customFormat="1" ht="42.75" customHeight="1" x14ac:dyDescent="0.25">
      <c r="B150" s="59" t="s">
        <v>59</v>
      </c>
      <c r="C150" s="80" t="s">
        <v>620</v>
      </c>
      <c r="D150" s="48"/>
      <c r="E150" s="94"/>
      <c r="F150" s="95"/>
    </row>
    <row r="151" spans="2:6" s="4" customFormat="1" ht="24.95" customHeight="1" x14ac:dyDescent="0.25">
      <c r="B151" s="60" t="s">
        <v>203</v>
      </c>
      <c r="C151" s="82" t="s">
        <v>204</v>
      </c>
      <c r="D151" s="48"/>
      <c r="E151" s="94"/>
      <c r="F151" s="95"/>
    </row>
    <row r="152" spans="2:6" s="4" customFormat="1" ht="40.5" customHeight="1" x14ac:dyDescent="0.25">
      <c r="B152" s="61" t="s">
        <v>205</v>
      </c>
      <c r="C152" s="80" t="s">
        <v>621</v>
      </c>
      <c r="D152" s="48"/>
      <c r="E152" s="94"/>
      <c r="F152" s="95"/>
    </row>
    <row r="153" spans="2:6" s="4" customFormat="1" ht="24.95" customHeight="1" x14ac:dyDescent="0.25">
      <c r="B153" s="61" t="s">
        <v>206</v>
      </c>
      <c r="C153" s="80" t="s">
        <v>622</v>
      </c>
      <c r="D153" s="48"/>
      <c r="E153" s="94"/>
      <c r="F153" s="95"/>
    </row>
    <row r="154" spans="2:6" s="4" customFormat="1" ht="24.95" customHeight="1" x14ac:dyDescent="0.25">
      <c r="B154" s="61" t="s">
        <v>207</v>
      </c>
      <c r="C154" s="80" t="s">
        <v>623</v>
      </c>
      <c r="D154" s="48"/>
      <c r="E154" s="94"/>
      <c r="F154" s="95"/>
    </row>
    <row r="155" spans="2:6" s="4" customFormat="1" ht="24.95" customHeight="1" x14ac:dyDescent="0.25">
      <c r="B155" s="61" t="s">
        <v>208</v>
      </c>
      <c r="C155" s="80" t="s">
        <v>624</v>
      </c>
      <c r="D155" s="48"/>
      <c r="E155" s="94"/>
      <c r="F155" s="95"/>
    </row>
    <row r="156" spans="2:6" s="4" customFormat="1" ht="24.95" customHeight="1" x14ac:dyDescent="0.25">
      <c r="B156" s="61" t="s">
        <v>209</v>
      </c>
      <c r="C156" s="80" t="s">
        <v>625</v>
      </c>
      <c r="D156" s="48"/>
      <c r="E156" s="94"/>
      <c r="F156" s="95"/>
    </row>
    <row r="157" spans="2:6" s="4" customFormat="1" ht="46.5" customHeight="1" x14ac:dyDescent="0.25">
      <c r="B157" s="61" t="s">
        <v>210</v>
      </c>
      <c r="C157" s="80" t="s">
        <v>626</v>
      </c>
      <c r="D157" s="48"/>
      <c r="E157" s="94"/>
      <c r="F157" s="95"/>
    </row>
    <row r="158" spans="2:6" s="4" customFormat="1" ht="24.95" customHeight="1" x14ac:dyDescent="0.25">
      <c r="B158" s="61" t="s">
        <v>211</v>
      </c>
      <c r="C158" s="80" t="s">
        <v>627</v>
      </c>
      <c r="D158" s="48"/>
      <c r="E158" s="94"/>
      <c r="F158" s="95"/>
    </row>
    <row r="159" spans="2:6" s="4" customFormat="1" ht="24.95" customHeight="1" x14ac:dyDescent="0.25">
      <c r="B159" s="61" t="s">
        <v>212</v>
      </c>
      <c r="C159" s="80" t="s">
        <v>628</v>
      </c>
      <c r="D159" s="48"/>
      <c r="E159" s="94"/>
      <c r="F159" s="95"/>
    </row>
    <row r="160" spans="2:6" s="4" customFormat="1" ht="24.95" customHeight="1" x14ac:dyDescent="0.25">
      <c r="B160" s="61" t="s">
        <v>213</v>
      </c>
      <c r="C160" s="80" t="s">
        <v>629</v>
      </c>
      <c r="D160" s="48"/>
      <c r="E160" s="94"/>
      <c r="F160" s="95"/>
    </row>
    <row r="161" spans="2:6" s="4" customFormat="1" ht="24.95" customHeight="1" x14ac:dyDescent="0.25">
      <c r="B161" s="61" t="s">
        <v>214</v>
      </c>
      <c r="C161" s="80" t="s">
        <v>630</v>
      </c>
      <c r="D161" s="48"/>
      <c r="E161" s="94"/>
      <c r="F161" s="95"/>
    </row>
    <row r="162" spans="2:6" s="4" customFormat="1" ht="24.95" customHeight="1" x14ac:dyDescent="0.25">
      <c r="B162" s="61" t="s">
        <v>215</v>
      </c>
      <c r="C162" s="80" t="s">
        <v>631</v>
      </c>
      <c r="D162" s="48"/>
      <c r="E162" s="94"/>
      <c r="F162" s="95"/>
    </row>
    <row r="163" spans="2:6" s="4" customFormat="1" ht="30" customHeight="1" x14ac:dyDescent="0.25">
      <c r="B163" s="61" t="s">
        <v>216</v>
      </c>
      <c r="C163" s="80" t="s">
        <v>632</v>
      </c>
      <c r="D163" s="48"/>
      <c r="E163" s="94"/>
      <c r="F163" s="95"/>
    </row>
    <row r="164" spans="2:6" s="25" customFormat="1" ht="30.75" customHeight="1" x14ac:dyDescent="0.25">
      <c r="B164" s="91" t="s">
        <v>217</v>
      </c>
      <c r="C164" s="92"/>
      <c r="D164" s="92"/>
      <c r="E164" s="92"/>
      <c r="F164" s="93"/>
    </row>
    <row r="165" spans="2:6" s="4" customFormat="1" ht="46.5" customHeight="1" x14ac:dyDescent="0.25">
      <c r="B165" s="59" t="s">
        <v>218</v>
      </c>
      <c r="C165" s="80" t="s">
        <v>633</v>
      </c>
      <c r="D165" s="48"/>
      <c r="E165" s="94"/>
      <c r="F165" s="95"/>
    </row>
    <row r="166" spans="2:6" s="4" customFormat="1" ht="24.95" customHeight="1" x14ac:dyDescent="0.25">
      <c r="B166" s="60" t="s">
        <v>219</v>
      </c>
      <c r="C166" s="82" t="s">
        <v>220</v>
      </c>
      <c r="D166" s="48"/>
      <c r="E166" s="94"/>
      <c r="F166" s="95"/>
    </row>
    <row r="167" spans="2:6" s="4" customFormat="1" ht="30.75" customHeight="1" x14ac:dyDescent="0.25">
      <c r="B167" s="61" t="s">
        <v>221</v>
      </c>
      <c r="C167" s="80" t="s">
        <v>634</v>
      </c>
      <c r="D167" s="48"/>
      <c r="E167" s="94"/>
      <c r="F167" s="95"/>
    </row>
    <row r="168" spans="2:6" s="4" customFormat="1" ht="33" customHeight="1" x14ac:dyDescent="0.25">
      <c r="B168" s="61" t="s">
        <v>222</v>
      </c>
      <c r="C168" s="80" t="s">
        <v>635</v>
      </c>
      <c r="D168" s="48"/>
      <c r="E168" s="94"/>
      <c r="F168" s="95"/>
    </row>
    <row r="169" spans="2:6" s="4" customFormat="1" ht="24.95" customHeight="1" x14ac:dyDescent="0.25">
      <c r="B169" s="61" t="s">
        <v>223</v>
      </c>
      <c r="C169" s="80" t="s">
        <v>636</v>
      </c>
      <c r="D169" s="48"/>
      <c r="E169" s="94"/>
      <c r="F169" s="95"/>
    </row>
    <row r="170" spans="2:6" s="4" customFormat="1" ht="31.5" customHeight="1" x14ac:dyDescent="0.25">
      <c r="B170" s="61" t="s">
        <v>224</v>
      </c>
      <c r="C170" s="80" t="s">
        <v>637</v>
      </c>
      <c r="D170" s="48"/>
      <c r="E170" s="94"/>
      <c r="F170" s="95"/>
    </row>
    <row r="171" spans="2:6" s="4" customFormat="1" ht="24.95" customHeight="1" x14ac:dyDescent="0.25">
      <c r="B171" s="61" t="s">
        <v>225</v>
      </c>
      <c r="C171" s="80" t="s">
        <v>638</v>
      </c>
      <c r="D171" s="48"/>
      <c r="E171" s="94"/>
      <c r="F171" s="95"/>
    </row>
    <row r="172" spans="2:6" s="4" customFormat="1" ht="24.95" customHeight="1" x14ac:dyDescent="0.25">
      <c r="B172" s="61" t="s">
        <v>226</v>
      </c>
      <c r="C172" s="80" t="s">
        <v>639</v>
      </c>
      <c r="D172" s="48"/>
      <c r="E172" s="94"/>
      <c r="F172" s="95"/>
    </row>
    <row r="173" spans="2:6" s="25" customFormat="1" ht="30.75" customHeight="1" x14ac:dyDescent="0.25">
      <c r="B173" s="91" t="s">
        <v>227</v>
      </c>
      <c r="C173" s="92"/>
      <c r="D173" s="92"/>
      <c r="E173" s="92"/>
      <c r="F173" s="93"/>
    </row>
    <row r="174" spans="2:6" s="4" customFormat="1" ht="24.95" customHeight="1" x14ac:dyDescent="0.25">
      <c r="B174" s="60" t="s">
        <v>228</v>
      </c>
      <c r="C174" s="80" t="s">
        <v>640</v>
      </c>
      <c r="D174" s="48"/>
      <c r="E174" s="94"/>
      <c r="F174" s="95"/>
    </row>
    <row r="175" spans="2:6" s="4" customFormat="1" ht="63.75" x14ac:dyDescent="0.25">
      <c r="B175" s="61" t="s">
        <v>229</v>
      </c>
      <c r="C175" s="80" t="s">
        <v>641</v>
      </c>
      <c r="D175" s="48"/>
      <c r="E175" s="94"/>
      <c r="F175" s="95"/>
    </row>
    <row r="176" spans="2:6" s="4" customFormat="1" ht="53.25" customHeight="1" x14ac:dyDescent="0.25">
      <c r="B176" s="61" t="s">
        <v>230</v>
      </c>
      <c r="C176" s="80" t="s">
        <v>642</v>
      </c>
      <c r="D176" s="48"/>
      <c r="E176" s="94"/>
      <c r="F176" s="95"/>
    </row>
    <row r="177" spans="2:6" s="4" customFormat="1" ht="48" customHeight="1" x14ac:dyDescent="0.25">
      <c r="B177" s="61" t="s">
        <v>231</v>
      </c>
      <c r="C177" s="80" t="s">
        <v>643</v>
      </c>
      <c r="D177" s="48"/>
      <c r="E177" s="94"/>
      <c r="F177" s="95"/>
    </row>
    <row r="178" spans="2:6" s="4" customFormat="1" ht="60.75" customHeight="1" x14ac:dyDescent="0.25">
      <c r="B178" s="61" t="s">
        <v>232</v>
      </c>
      <c r="C178" s="80" t="s">
        <v>644</v>
      </c>
      <c r="D178" s="48"/>
      <c r="E178" s="94"/>
      <c r="F178" s="95"/>
    </row>
    <row r="179" spans="2:6" s="4" customFormat="1" ht="109.5" customHeight="1" x14ac:dyDescent="0.25">
      <c r="B179" s="61" t="s">
        <v>233</v>
      </c>
      <c r="C179" s="80" t="s">
        <v>645</v>
      </c>
      <c r="D179" s="48"/>
      <c r="E179" s="94"/>
      <c r="F179" s="95"/>
    </row>
    <row r="180" spans="2:6" s="4" customFormat="1" ht="86.25" customHeight="1" x14ac:dyDescent="0.25">
      <c r="B180" s="61" t="s">
        <v>234</v>
      </c>
      <c r="C180" s="80" t="s">
        <v>646</v>
      </c>
      <c r="D180" s="48"/>
      <c r="E180" s="94"/>
      <c r="F180" s="95"/>
    </row>
    <row r="181" spans="2:6" s="4" customFormat="1" ht="24.95" customHeight="1" x14ac:dyDescent="0.25">
      <c r="B181" s="60" t="s">
        <v>235</v>
      </c>
      <c r="C181" s="82" t="s">
        <v>647</v>
      </c>
      <c r="D181" s="48"/>
      <c r="E181" s="94"/>
      <c r="F181" s="95"/>
    </row>
    <row r="182" spans="2:6" s="4" customFormat="1" ht="84.75" customHeight="1" x14ac:dyDescent="0.25">
      <c r="B182" s="61" t="s">
        <v>236</v>
      </c>
      <c r="C182" s="80" t="s">
        <v>648</v>
      </c>
      <c r="D182" s="48"/>
      <c r="E182" s="94"/>
      <c r="F182" s="95"/>
    </row>
    <row r="183" spans="2:6" s="4" customFormat="1" ht="33.75" customHeight="1" x14ac:dyDescent="0.25">
      <c r="B183" s="61" t="s">
        <v>237</v>
      </c>
      <c r="C183" s="80" t="s">
        <v>649</v>
      </c>
      <c r="D183" s="48"/>
      <c r="E183" s="94"/>
      <c r="F183" s="95"/>
    </row>
    <row r="184" spans="2:6" s="4" customFormat="1" ht="34.5" customHeight="1" x14ac:dyDescent="0.25">
      <c r="B184" s="61" t="s">
        <v>238</v>
      </c>
      <c r="C184" s="80" t="s">
        <v>650</v>
      </c>
      <c r="D184" s="48"/>
      <c r="E184" s="94"/>
      <c r="F184" s="95"/>
    </row>
    <row r="185" spans="2:6" s="4" customFormat="1" ht="36" customHeight="1" x14ac:dyDescent="0.25">
      <c r="B185" s="61" t="s">
        <v>239</v>
      </c>
      <c r="C185" s="80" t="s">
        <v>651</v>
      </c>
      <c r="D185" s="48"/>
      <c r="E185" s="94"/>
      <c r="F185" s="95"/>
    </row>
    <row r="186" spans="2:6" s="4" customFormat="1" ht="24.95" customHeight="1" x14ac:dyDescent="0.25">
      <c r="B186" s="61" t="s">
        <v>240</v>
      </c>
      <c r="C186" s="80" t="s">
        <v>652</v>
      </c>
      <c r="D186" s="48"/>
      <c r="E186" s="94"/>
      <c r="F186" s="95"/>
    </row>
    <row r="187" spans="2:6" s="4" customFormat="1" ht="24.95" customHeight="1" x14ac:dyDescent="0.25">
      <c r="B187" s="61" t="s">
        <v>241</v>
      </c>
      <c r="C187" s="80" t="s">
        <v>653</v>
      </c>
      <c r="D187" s="48"/>
      <c r="E187" s="94"/>
      <c r="F187" s="95"/>
    </row>
    <row r="188" spans="2:6" s="4" customFormat="1" ht="24.95" customHeight="1" x14ac:dyDescent="0.25">
      <c r="B188" s="61" t="s">
        <v>242</v>
      </c>
      <c r="C188" s="80" t="s">
        <v>654</v>
      </c>
      <c r="D188" s="48"/>
      <c r="E188" s="94"/>
      <c r="F188" s="95"/>
    </row>
    <row r="189" spans="2:6" s="4" customFormat="1" ht="43.5" customHeight="1" x14ac:dyDescent="0.25">
      <c r="B189" s="61" t="s">
        <v>243</v>
      </c>
      <c r="C189" s="80" t="s">
        <v>655</v>
      </c>
      <c r="D189" s="48"/>
      <c r="E189" s="94"/>
      <c r="F189" s="95"/>
    </row>
    <row r="190" spans="2:6" s="4" customFormat="1" ht="35.25" customHeight="1" x14ac:dyDescent="0.25">
      <c r="B190" s="61" t="s">
        <v>244</v>
      </c>
      <c r="C190" s="80" t="s">
        <v>656</v>
      </c>
      <c r="D190" s="48"/>
      <c r="E190" s="94"/>
      <c r="F190" s="95"/>
    </row>
    <row r="191" spans="2:6" s="4" customFormat="1" ht="24.95" customHeight="1" x14ac:dyDescent="0.25">
      <c r="B191" s="61" t="s">
        <v>245</v>
      </c>
      <c r="C191" s="80" t="s">
        <v>657</v>
      </c>
      <c r="D191" s="48"/>
      <c r="E191" s="94"/>
      <c r="F191" s="95"/>
    </row>
    <row r="192" spans="2:6" s="4" customFormat="1" ht="24.95" customHeight="1" x14ac:dyDescent="0.25">
      <c r="B192" s="61" t="s">
        <v>246</v>
      </c>
      <c r="C192" s="80" t="s">
        <v>658</v>
      </c>
      <c r="D192" s="48"/>
      <c r="E192" s="94"/>
      <c r="F192" s="95"/>
    </row>
    <row r="193" spans="2:6" s="4" customFormat="1" ht="24.95" customHeight="1" x14ac:dyDescent="0.25">
      <c r="B193" s="61" t="s">
        <v>247</v>
      </c>
      <c r="C193" s="80" t="s">
        <v>659</v>
      </c>
      <c r="D193" s="48"/>
      <c r="E193" s="94"/>
      <c r="F193" s="95"/>
    </row>
    <row r="194" spans="2:6" s="4" customFormat="1" ht="36.75" customHeight="1" x14ac:dyDescent="0.25">
      <c r="B194" s="61" t="s">
        <v>248</v>
      </c>
      <c r="C194" s="80" t="s">
        <v>660</v>
      </c>
      <c r="D194" s="48"/>
      <c r="E194" s="94"/>
      <c r="F194" s="95"/>
    </row>
    <row r="195" spans="2:6" s="4" customFormat="1" ht="24.95" customHeight="1" x14ac:dyDescent="0.25">
      <c r="B195" s="61" t="s">
        <v>249</v>
      </c>
      <c r="C195" s="80" t="s">
        <v>661</v>
      </c>
      <c r="D195" s="48"/>
      <c r="E195" s="94"/>
      <c r="F195" s="95"/>
    </row>
    <row r="196" spans="2:6" s="4" customFormat="1" ht="24.95" customHeight="1" x14ac:dyDescent="0.25">
      <c r="B196" s="61" t="s">
        <v>250</v>
      </c>
      <c r="C196" s="80" t="s">
        <v>662</v>
      </c>
      <c r="D196" s="48"/>
      <c r="E196" s="94"/>
      <c r="F196" s="95"/>
    </row>
    <row r="197" spans="2:6" s="4" customFormat="1" ht="24.95" customHeight="1" x14ac:dyDescent="0.25">
      <c r="B197" s="61" t="s">
        <v>251</v>
      </c>
      <c r="C197" s="80" t="s">
        <v>663</v>
      </c>
      <c r="D197" s="48"/>
      <c r="E197" s="94"/>
      <c r="F197" s="95"/>
    </row>
    <row r="198" spans="2:6" s="4" customFormat="1" ht="24.95" customHeight="1" x14ac:dyDescent="0.25">
      <c r="B198" s="61" t="s">
        <v>252</v>
      </c>
      <c r="C198" s="80" t="s">
        <v>664</v>
      </c>
      <c r="D198" s="48"/>
      <c r="E198" s="94"/>
      <c r="F198" s="95"/>
    </row>
    <row r="199" spans="2:6" s="4" customFormat="1" ht="36.75" customHeight="1" x14ac:dyDescent="0.25">
      <c r="B199" s="61" t="s">
        <v>253</v>
      </c>
      <c r="C199" s="80" t="s">
        <v>665</v>
      </c>
      <c r="D199" s="48"/>
      <c r="E199" s="94"/>
      <c r="F199" s="95"/>
    </row>
    <row r="200" spans="2:6" s="4" customFormat="1" ht="111" customHeight="1" x14ac:dyDescent="0.25">
      <c r="B200" s="61" t="s">
        <v>254</v>
      </c>
      <c r="C200" s="80" t="s">
        <v>666</v>
      </c>
      <c r="D200" s="48"/>
      <c r="E200" s="94"/>
      <c r="F200" s="95"/>
    </row>
    <row r="201" spans="2:6" s="4" customFormat="1" ht="24.95" customHeight="1" x14ac:dyDescent="0.25">
      <c r="B201" s="60" t="s">
        <v>255</v>
      </c>
      <c r="C201" s="82" t="s">
        <v>667</v>
      </c>
      <c r="D201" s="48"/>
      <c r="E201" s="94"/>
      <c r="F201" s="95"/>
    </row>
    <row r="202" spans="2:6" s="4" customFormat="1" ht="70.5" customHeight="1" x14ac:dyDescent="0.25">
      <c r="B202" s="61" t="s">
        <v>256</v>
      </c>
      <c r="C202" s="80" t="s">
        <v>668</v>
      </c>
      <c r="D202" s="48"/>
      <c r="E202" s="94"/>
      <c r="F202" s="95"/>
    </row>
    <row r="203" spans="2:6" s="4" customFormat="1" ht="61.5" customHeight="1" x14ac:dyDescent="0.25">
      <c r="B203" s="61" t="s">
        <v>257</v>
      </c>
      <c r="C203" s="80" t="s">
        <v>669</v>
      </c>
      <c r="D203" s="48"/>
      <c r="E203" s="94"/>
      <c r="F203" s="95"/>
    </row>
    <row r="204" spans="2:6" s="4" customFormat="1" ht="33.75" customHeight="1" x14ac:dyDescent="0.25">
      <c r="B204" s="61" t="s">
        <v>258</v>
      </c>
      <c r="C204" s="80" t="s">
        <v>670</v>
      </c>
      <c r="D204" s="48"/>
      <c r="E204" s="94"/>
      <c r="F204" s="95"/>
    </row>
    <row r="205" spans="2:6" s="4" customFormat="1" ht="24.95" customHeight="1" x14ac:dyDescent="0.25">
      <c r="B205" s="61" t="s">
        <v>259</v>
      </c>
      <c r="C205" s="80" t="s">
        <v>671</v>
      </c>
      <c r="D205" s="48"/>
      <c r="E205" s="94"/>
      <c r="F205" s="95"/>
    </row>
    <row r="206" spans="2:6" s="4" customFormat="1" ht="24.95" customHeight="1" x14ac:dyDescent="0.25">
      <c r="B206" s="61" t="s">
        <v>260</v>
      </c>
      <c r="C206" s="80" t="s">
        <v>672</v>
      </c>
      <c r="D206" s="48"/>
      <c r="E206" s="94"/>
      <c r="F206" s="95"/>
    </row>
    <row r="207" spans="2:6" s="4" customFormat="1" ht="24.95" customHeight="1" x14ac:dyDescent="0.25">
      <c r="B207" s="61" t="s">
        <v>261</v>
      </c>
      <c r="C207" s="80" t="s">
        <v>673</v>
      </c>
      <c r="D207" s="48"/>
      <c r="E207" s="94"/>
      <c r="F207" s="95"/>
    </row>
    <row r="208" spans="2:6" s="4" customFormat="1" ht="24.95" customHeight="1" x14ac:dyDescent="0.25">
      <c r="B208" s="61" t="s">
        <v>262</v>
      </c>
      <c r="C208" s="80" t="s">
        <v>674</v>
      </c>
      <c r="D208" s="48"/>
      <c r="E208" s="94"/>
      <c r="F208" s="95"/>
    </row>
    <row r="209" spans="2:6" s="4" customFormat="1" ht="24.95" customHeight="1" x14ac:dyDescent="0.25">
      <c r="B209" s="61" t="s">
        <v>263</v>
      </c>
      <c r="C209" s="80" t="s">
        <v>675</v>
      </c>
      <c r="D209" s="48"/>
      <c r="E209" s="94"/>
      <c r="F209" s="95"/>
    </row>
    <row r="210" spans="2:6" s="4" customFormat="1" ht="24.95" customHeight="1" x14ac:dyDescent="0.25">
      <c r="B210" s="61" t="s">
        <v>264</v>
      </c>
      <c r="C210" s="80" t="s">
        <v>676</v>
      </c>
      <c r="D210" s="48"/>
      <c r="E210" s="94"/>
      <c r="F210" s="95"/>
    </row>
    <row r="211" spans="2:6" s="4" customFormat="1" ht="24.95" customHeight="1" x14ac:dyDescent="0.25">
      <c r="B211" s="61" t="s">
        <v>265</v>
      </c>
      <c r="C211" s="80" t="s">
        <v>677</v>
      </c>
      <c r="D211" s="48"/>
      <c r="E211" s="94"/>
      <c r="F211" s="95"/>
    </row>
    <row r="212" spans="2:6" s="4" customFormat="1" ht="35.25" customHeight="1" x14ac:dyDescent="0.25">
      <c r="B212" s="61" t="s">
        <v>266</v>
      </c>
      <c r="C212" s="80" t="s">
        <v>678</v>
      </c>
      <c r="D212" s="48"/>
      <c r="E212" s="94"/>
      <c r="F212" s="95"/>
    </row>
    <row r="213" spans="2:6" s="4" customFormat="1" ht="24.95" customHeight="1" x14ac:dyDescent="0.25">
      <c r="B213" s="61" t="s">
        <v>267</v>
      </c>
      <c r="C213" s="80" t="s">
        <v>679</v>
      </c>
      <c r="D213" s="48"/>
      <c r="E213" s="94"/>
      <c r="F213" s="95"/>
    </row>
    <row r="214" spans="2:6" s="4" customFormat="1" ht="37.5" customHeight="1" x14ac:dyDescent="0.25">
      <c r="B214" s="61" t="s">
        <v>268</v>
      </c>
      <c r="C214" s="80" t="s">
        <v>680</v>
      </c>
      <c r="D214" s="48"/>
      <c r="E214" s="94"/>
      <c r="F214" s="95"/>
    </row>
    <row r="215" spans="2:6" s="4" customFormat="1" ht="24.95" customHeight="1" x14ac:dyDescent="0.25">
      <c r="B215" s="60" t="s">
        <v>269</v>
      </c>
      <c r="C215" s="82" t="s">
        <v>681</v>
      </c>
      <c r="D215" s="48"/>
      <c r="E215" s="94"/>
      <c r="F215" s="95"/>
    </row>
    <row r="216" spans="2:6" s="4" customFormat="1" ht="57" customHeight="1" x14ac:dyDescent="0.25">
      <c r="B216" s="61" t="s">
        <v>270</v>
      </c>
      <c r="C216" s="80" t="s">
        <v>682</v>
      </c>
      <c r="D216" s="48"/>
      <c r="E216" s="94"/>
      <c r="F216" s="95"/>
    </row>
    <row r="217" spans="2:6" s="4" customFormat="1" ht="58.5" customHeight="1" x14ac:dyDescent="0.25">
      <c r="B217" s="61" t="s">
        <v>271</v>
      </c>
      <c r="C217" s="80" t="s">
        <v>683</v>
      </c>
      <c r="D217" s="48"/>
      <c r="E217" s="94"/>
      <c r="F217" s="95"/>
    </row>
    <row r="218" spans="2:6" s="4" customFormat="1" ht="33.75" customHeight="1" x14ac:dyDescent="0.25">
      <c r="B218" s="61" t="s">
        <v>272</v>
      </c>
      <c r="C218" s="80" t="s">
        <v>684</v>
      </c>
      <c r="D218" s="48"/>
      <c r="E218" s="94"/>
      <c r="F218" s="95"/>
    </row>
    <row r="219" spans="2:6" s="4" customFormat="1" ht="35.25" customHeight="1" x14ac:dyDescent="0.25">
      <c r="B219" s="61" t="s">
        <v>273</v>
      </c>
      <c r="C219" s="80" t="s">
        <v>685</v>
      </c>
      <c r="D219" s="48"/>
      <c r="E219" s="94"/>
      <c r="F219" s="95"/>
    </row>
    <row r="220" spans="2:6" s="4" customFormat="1" ht="24.95" customHeight="1" x14ac:dyDescent="0.25">
      <c r="B220" s="61" t="s">
        <v>274</v>
      </c>
      <c r="C220" s="80" t="s">
        <v>686</v>
      </c>
      <c r="D220" s="48"/>
      <c r="E220" s="94"/>
      <c r="F220" s="95"/>
    </row>
    <row r="221" spans="2:6" s="4" customFormat="1" ht="24.95" customHeight="1" x14ac:dyDescent="0.25">
      <c r="B221" s="61" t="s">
        <v>275</v>
      </c>
      <c r="C221" s="80" t="s">
        <v>687</v>
      </c>
      <c r="D221" s="48"/>
      <c r="E221" s="94"/>
      <c r="F221" s="95"/>
    </row>
    <row r="222" spans="2:6" s="4" customFormat="1" ht="36" customHeight="1" x14ac:dyDescent="0.25">
      <c r="B222" s="61" t="s">
        <v>276</v>
      </c>
      <c r="C222" s="80" t="s">
        <v>688</v>
      </c>
      <c r="D222" s="48"/>
      <c r="E222" s="94"/>
      <c r="F222" s="95"/>
    </row>
    <row r="223" spans="2:6" s="4" customFormat="1" ht="34.5" customHeight="1" x14ac:dyDescent="0.25">
      <c r="B223" s="61" t="s">
        <v>277</v>
      </c>
      <c r="C223" s="80" t="s">
        <v>689</v>
      </c>
      <c r="D223" s="48"/>
      <c r="E223" s="94"/>
      <c r="F223" s="95"/>
    </row>
    <row r="224" spans="2:6" s="4" customFormat="1" ht="24.95" customHeight="1" x14ac:dyDescent="0.25">
      <c r="B224" s="60" t="s">
        <v>278</v>
      </c>
      <c r="C224" s="82" t="s">
        <v>690</v>
      </c>
      <c r="D224" s="48"/>
      <c r="E224" s="94"/>
      <c r="F224" s="95"/>
    </row>
    <row r="225" spans="2:6" s="4" customFormat="1" ht="89.25" x14ac:dyDescent="0.25">
      <c r="B225" s="61" t="s">
        <v>279</v>
      </c>
      <c r="C225" s="80" t="s">
        <v>691</v>
      </c>
      <c r="D225" s="48"/>
      <c r="E225" s="94"/>
      <c r="F225" s="95"/>
    </row>
    <row r="226" spans="2:6" s="4" customFormat="1" ht="24.95" customHeight="1" x14ac:dyDescent="0.25">
      <c r="B226" s="61" t="s">
        <v>280</v>
      </c>
      <c r="C226" s="80" t="s">
        <v>692</v>
      </c>
      <c r="D226" s="48"/>
      <c r="E226" s="94"/>
      <c r="F226" s="95"/>
    </row>
    <row r="227" spans="2:6" s="4" customFormat="1" ht="34.5" customHeight="1" x14ac:dyDescent="0.25">
      <c r="B227" s="61" t="s">
        <v>281</v>
      </c>
      <c r="C227" s="80" t="s">
        <v>693</v>
      </c>
      <c r="D227" s="48"/>
      <c r="E227" s="94"/>
      <c r="F227" s="95"/>
    </row>
    <row r="228" spans="2:6" s="4" customFormat="1" ht="35.25" customHeight="1" x14ac:dyDescent="0.25">
      <c r="B228" s="61" t="s">
        <v>282</v>
      </c>
      <c r="C228" s="80" t="s">
        <v>694</v>
      </c>
      <c r="D228" s="48"/>
      <c r="E228" s="94"/>
      <c r="F228" s="95"/>
    </row>
    <row r="229" spans="2:6" s="4" customFormat="1" ht="24.95" customHeight="1" x14ac:dyDescent="0.25">
      <c r="B229" s="61" t="s">
        <v>283</v>
      </c>
      <c r="C229" s="80" t="s">
        <v>695</v>
      </c>
      <c r="D229" s="48"/>
      <c r="E229" s="94"/>
      <c r="F229" s="95"/>
    </row>
    <row r="230" spans="2:6" s="4" customFormat="1" ht="24.95" customHeight="1" x14ac:dyDescent="0.25">
      <c r="B230" s="60" t="s">
        <v>284</v>
      </c>
      <c r="C230" s="82" t="s">
        <v>696</v>
      </c>
      <c r="D230" s="48"/>
      <c r="E230" s="94"/>
      <c r="F230" s="95"/>
    </row>
    <row r="231" spans="2:6" s="4" customFormat="1" ht="48.75" customHeight="1" x14ac:dyDescent="0.25">
      <c r="B231" s="61" t="s">
        <v>285</v>
      </c>
      <c r="C231" s="80" t="s">
        <v>697</v>
      </c>
      <c r="D231" s="48"/>
      <c r="E231" s="94"/>
      <c r="F231" s="95"/>
    </row>
    <row r="232" spans="2:6" s="4" customFormat="1" ht="24.95" customHeight="1" x14ac:dyDescent="0.25">
      <c r="B232" s="60" t="s">
        <v>286</v>
      </c>
      <c r="C232" s="82" t="s">
        <v>698</v>
      </c>
      <c r="D232" s="48"/>
      <c r="E232" s="94"/>
      <c r="F232" s="95"/>
    </row>
    <row r="233" spans="2:6" s="4" customFormat="1" ht="34.5" customHeight="1" x14ac:dyDescent="0.25">
      <c r="B233" s="61" t="s">
        <v>287</v>
      </c>
      <c r="C233" s="80" t="s">
        <v>699</v>
      </c>
      <c r="D233" s="48"/>
      <c r="E233" s="94"/>
      <c r="F233" s="95"/>
    </row>
    <row r="234" spans="2:6" s="4" customFormat="1" ht="24.95" customHeight="1" x14ac:dyDescent="0.25">
      <c r="B234" s="60" t="s">
        <v>288</v>
      </c>
      <c r="C234" s="82" t="s">
        <v>700</v>
      </c>
      <c r="D234" s="48"/>
      <c r="E234" s="94"/>
      <c r="F234" s="95"/>
    </row>
    <row r="235" spans="2:6" s="4" customFormat="1" ht="42.75" customHeight="1" x14ac:dyDescent="0.25">
      <c r="B235" s="61" t="s">
        <v>289</v>
      </c>
      <c r="C235" s="80" t="s">
        <v>701</v>
      </c>
      <c r="D235" s="48"/>
      <c r="E235" s="94"/>
      <c r="F235" s="95"/>
    </row>
    <row r="236" spans="2:6" s="4" customFormat="1" ht="24.95" customHeight="1" x14ac:dyDescent="0.25">
      <c r="B236" s="60" t="s">
        <v>290</v>
      </c>
      <c r="C236" s="82" t="s">
        <v>702</v>
      </c>
      <c r="D236" s="48"/>
      <c r="E236" s="94"/>
      <c r="F236" s="95"/>
    </row>
    <row r="237" spans="2:6" s="4" customFormat="1" ht="36.75" customHeight="1" x14ac:dyDescent="0.25">
      <c r="B237" s="61" t="s">
        <v>291</v>
      </c>
      <c r="C237" s="80" t="s">
        <v>703</v>
      </c>
      <c r="D237" s="48"/>
      <c r="E237" s="94"/>
      <c r="F237" s="95"/>
    </row>
    <row r="238" spans="2:6" s="4" customFormat="1" ht="30.75" customHeight="1" x14ac:dyDescent="0.25">
      <c r="B238" s="61" t="s">
        <v>292</v>
      </c>
      <c r="C238" s="80" t="s">
        <v>704</v>
      </c>
      <c r="D238" s="48"/>
      <c r="E238" s="94"/>
      <c r="F238" s="95"/>
    </row>
    <row r="239" spans="2:6" s="4" customFormat="1" ht="73.5" customHeight="1" x14ac:dyDescent="0.25">
      <c r="B239" s="61" t="s">
        <v>293</v>
      </c>
      <c r="C239" s="80" t="s">
        <v>705</v>
      </c>
      <c r="D239" s="48"/>
      <c r="E239" s="94"/>
      <c r="F239" s="95"/>
    </row>
    <row r="240" spans="2:6" s="4" customFormat="1" ht="24.95" customHeight="1" x14ac:dyDescent="0.25">
      <c r="B240" s="60" t="s">
        <v>294</v>
      </c>
      <c r="C240" s="82" t="s">
        <v>706</v>
      </c>
      <c r="D240" s="48"/>
      <c r="E240" s="94"/>
      <c r="F240" s="95"/>
    </row>
    <row r="241" spans="2:6" s="4" customFormat="1" ht="127.5" customHeight="1" x14ac:dyDescent="0.25">
      <c r="B241" s="61" t="s">
        <v>295</v>
      </c>
      <c r="C241" s="80" t="s">
        <v>707</v>
      </c>
      <c r="D241" s="48"/>
      <c r="E241" s="94"/>
      <c r="F241" s="95"/>
    </row>
    <row r="242" spans="2:6" s="4" customFormat="1" ht="51" customHeight="1" x14ac:dyDescent="0.25">
      <c r="B242" s="61" t="s">
        <v>296</v>
      </c>
      <c r="C242" s="80" t="s">
        <v>708</v>
      </c>
      <c r="D242" s="48"/>
      <c r="E242" s="94"/>
      <c r="F242" s="95"/>
    </row>
    <row r="243" spans="2:6" s="4" customFormat="1" ht="24.95" customHeight="1" x14ac:dyDescent="0.25">
      <c r="B243" s="61" t="s">
        <v>297</v>
      </c>
      <c r="C243" s="80" t="s">
        <v>709</v>
      </c>
      <c r="D243" s="48"/>
      <c r="E243" s="94"/>
      <c r="F243" s="95"/>
    </row>
    <row r="244" spans="2:6" s="4" customFormat="1" ht="38.25" customHeight="1" x14ac:dyDescent="0.25">
      <c r="B244" s="61" t="s">
        <v>298</v>
      </c>
      <c r="C244" s="80" t="s">
        <v>710</v>
      </c>
      <c r="D244" s="48"/>
      <c r="E244" s="94"/>
      <c r="F244" s="95"/>
    </row>
    <row r="245" spans="2:6" s="4" customFormat="1" ht="35.25" customHeight="1" x14ac:dyDescent="0.25">
      <c r="B245" s="61" t="s">
        <v>299</v>
      </c>
      <c r="C245" s="80" t="s">
        <v>711</v>
      </c>
      <c r="D245" s="48"/>
      <c r="E245" s="94"/>
      <c r="F245" s="95"/>
    </row>
    <row r="246" spans="2:6" s="4" customFormat="1" ht="36.75" customHeight="1" x14ac:dyDescent="0.25">
      <c r="B246" s="61" t="s">
        <v>300</v>
      </c>
      <c r="C246" s="80" t="s">
        <v>712</v>
      </c>
      <c r="D246" s="48"/>
      <c r="E246" s="94"/>
      <c r="F246" s="95"/>
    </row>
    <row r="247" spans="2:6" s="4" customFormat="1" ht="36" customHeight="1" x14ac:dyDescent="0.25">
      <c r="B247" s="61" t="s">
        <v>301</v>
      </c>
      <c r="C247" s="80" t="s">
        <v>713</v>
      </c>
      <c r="D247" s="48"/>
      <c r="E247" s="94"/>
      <c r="F247" s="95"/>
    </row>
    <row r="248" spans="2:6" s="4" customFormat="1" ht="32.25" customHeight="1" x14ac:dyDescent="0.25">
      <c r="B248" s="61" t="s">
        <v>302</v>
      </c>
      <c r="C248" s="80" t="s">
        <v>714</v>
      </c>
      <c r="D248" s="48"/>
      <c r="E248" s="94"/>
      <c r="F248" s="95"/>
    </row>
    <row r="249" spans="2:6" s="4" customFormat="1" ht="46.5" customHeight="1" x14ac:dyDescent="0.25">
      <c r="B249" s="61" t="s">
        <v>303</v>
      </c>
      <c r="C249" s="80" t="s">
        <v>715</v>
      </c>
      <c r="D249" s="48"/>
      <c r="E249" s="94"/>
      <c r="F249" s="95"/>
    </row>
    <row r="250" spans="2:6" s="25" customFormat="1" ht="30.75" customHeight="1" x14ac:dyDescent="0.25">
      <c r="B250" s="91" t="s">
        <v>304</v>
      </c>
      <c r="C250" s="92"/>
      <c r="D250" s="92"/>
      <c r="E250" s="92"/>
      <c r="F250" s="93"/>
    </row>
    <row r="251" spans="2:6" s="4" customFormat="1" ht="45" customHeight="1" x14ac:dyDescent="0.25">
      <c r="B251" s="60" t="s">
        <v>305</v>
      </c>
      <c r="C251" s="80" t="s">
        <v>716</v>
      </c>
      <c r="D251" s="48"/>
      <c r="E251" s="94"/>
      <c r="F251" s="95"/>
    </row>
    <row r="252" spans="2:6" s="4" customFormat="1" ht="58.5" customHeight="1" x14ac:dyDescent="0.25">
      <c r="B252" s="61" t="s">
        <v>306</v>
      </c>
      <c r="C252" s="80" t="s">
        <v>717</v>
      </c>
      <c r="D252" s="48"/>
      <c r="E252" s="94"/>
      <c r="F252" s="95"/>
    </row>
    <row r="253" spans="2:6" s="4" customFormat="1" ht="63.75" x14ac:dyDescent="0.25">
      <c r="B253" s="61" t="s">
        <v>307</v>
      </c>
      <c r="C253" s="80" t="s">
        <v>718</v>
      </c>
      <c r="D253" s="48"/>
      <c r="E253" s="94"/>
      <c r="F253" s="95"/>
    </row>
    <row r="254" spans="2:6" s="4" customFormat="1" ht="45.75" customHeight="1" x14ac:dyDescent="0.25">
      <c r="B254" s="61" t="s">
        <v>308</v>
      </c>
      <c r="C254" s="80" t="s">
        <v>719</v>
      </c>
      <c r="D254" s="48"/>
      <c r="E254" s="94"/>
      <c r="F254" s="95"/>
    </row>
    <row r="255" spans="2:6" s="4" customFormat="1" ht="70.5" customHeight="1" x14ac:dyDescent="0.25">
      <c r="B255" s="60" t="s">
        <v>309</v>
      </c>
      <c r="C255" s="80" t="s">
        <v>720</v>
      </c>
      <c r="D255" s="48"/>
      <c r="E255" s="94"/>
      <c r="F255" s="95"/>
    </row>
    <row r="256" spans="2:6" s="4" customFormat="1" ht="30.75" customHeight="1" x14ac:dyDescent="0.25">
      <c r="B256" s="61" t="s">
        <v>310</v>
      </c>
      <c r="C256" s="80" t="s">
        <v>721</v>
      </c>
      <c r="D256" s="48"/>
      <c r="E256" s="94"/>
      <c r="F256" s="95"/>
    </row>
    <row r="257" spans="2:6" s="4" customFormat="1" ht="38.25" x14ac:dyDescent="0.25">
      <c r="B257" s="61" t="s">
        <v>311</v>
      </c>
      <c r="C257" s="80" t="s">
        <v>722</v>
      </c>
      <c r="D257" s="48"/>
      <c r="E257" s="94"/>
      <c r="F257" s="95"/>
    </row>
    <row r="258" spans="2:6" s="4" customFormat="1" ht="76.5" x14ac:dyDescent="0.25">
      <c r="B258" s="61" t="s">
        <v>312</v>
      </c>
      <c r="C258" s="80" t="s">
        <v>723</v>
      </c>
      <c r="D258" s="48"/>
      <c r="E258" s="94"/>
      <c r="F258" s="95"/>
    </row>
    <row r="259" spans="2:6" s="4" customFormat="1" ht="29.25" customHeight="1" x14ac:dyDescent="0.25">
      <c r="B259" s="61" t="s">
        <v>313</v>
      </c>
      <c r="C259" s="80" t="s">
        <v>724</v>
      </c>
      <c r="D259" s="48"/>
      <c r="E259" s="94"/>
      <c r="F259" s="95"/>
    </row>
    <row r="260" spans="2:6" s="4" customFormat="1" ht="32.25" customHeight="1" x14ac:dyDescent="0.25">
      <c r="B260" s="61" t="s">
        <v>314</v>
      </c>
      <c r="C260" s="80" t="s">
        <v>725</v>
      </c>
      <c r="D260" s="48"/>
      <c r="E260" s="94"/>
      <c r="F260" s="95"/>
    </row>
    <row r="261" spans="2:6" s="4" customFormat="1" ht="45.75" customHeight="1" x14ac:dyDescent="0.25">
      <c r="B261" s="61" t="s">
        <v>315</v>
      </c>
      <c r="C261" s="80" t="s">
        <v>726</v>
      </c>
      <c r="D261" s="48"/>
      <c r="E261" s="94"/>
      <c r="F261" s="95"/>
    </row>
    <row r="262" spans="2:6" s="4" customFormat="1" ht="30" customHeight="1" x14ac:dyDescent="0.25">
      <c r="B262" s="60" t="s">
        <v>316</v>
      </c>
      <c r="C262" s="80" t="s">
        <v>727</v>
      </c>
      <c r="D262" s="48"/>
      <c r="E262" s="94"/>
      <c r="F262" s="95"/>
    </row>
    <row r="263" spans="2:6" s="4" customFormat="1" ht="93.75" customHeight="1" x14ac:dyDescent="0.25">
      <c r="B263" s="61" t="s">
        <v>317</v>
      </c>
      <c r="C263" s="80" t="s">
        <v>728</v>
      </c>
      <c r="D263" s="48"/>
      <c r="E263" s="94"/>
      <c r="F263" s="95"/>
    </row>
    <row r="264" spans="2:6" s="4" customFormat="1" ht="29.25" customHeight="1" x14ac:dyDescent="0.25">
      <c r="B264" s="61" t="s">
        <v>318</v>
      </c>
      <c r="C264" s="80" t="s">
        <v>729</v>
      </c>
      <c r="D264" s="48"/>
      <c r="E264" s="94"/>
      <c r="F264" s="95"/>
    </row>
    <row r="265" spans="2:6" s="4" customFormat="1" ht="70.5" customHeight="1" x14ac:dyDescent="0.25">
      <c r="B265" s="61" t="s">
        <v>319</v>
      </c>
      <c r="C265" s="80" t="s">
        <v>730</v>
      </c>
      <c r="D265" s="48"/>
      <c r="E265" s="94"/>
      <c r="F265" s="95"/>
    </row>
    <row r="266" spans="2:6" s="4" customFormat="1" ht="29.25" customHeight="1" x14ac:dyDescent="0.25">
      <c r="B266" s="84" t="s">
        <v>320</v>
      </c>
      <c r="C266" s="83" t="s">
        <v>731</v>
      </c>
      <c r="D266" s="48"/>
      <c r="E266" s="94"/>
      <c r="F266" s="95"/>
    </row>
    <row r="267" spans="2:6" s="4" customFormat="1" ht="30.75" customHeight="1" x14ac:dyDescent="0.25">
      <c r="B267" s="84" t="s">
        <v>321</v>
      </c>
      <c r="C267" s="80" t="s">
        <v>732</v>
      </c>
      <c r="D267" s="48"/>
      <c r="E267" s="94"/>
      <c r="F267" s="95"/>
    </row>
    <row r="268" spans="2:6" s="4" customFormat="1" ht="44.25" customHeight="1" x14ac:dyDescent="0.25">
      <c r="B268" s="84" t="s">
        <v>322</v>
      </c>
      <c r="C268" s="80" t="s">
        <v>733</v>
      </c>
      <c r="D268" s="48"/>
      <c r="E268" s="94"/>
      <c r="F268" s="95"/>
    </row>
    <row r="269" spans="2:6" s="4" customFormat="1" ht="118.5" customHeight="1" x14ac:dyDescent="0.25">
      <c r="B269" s="84" t="s">
        <v>323</v>
      </c>
      <c r="C269" s="80" t="s">
        <v>734</v>
      </c>
      <c r="D269" s="48"/>
      <c r="E269" s="94"/>
      <c r="F269" s="95"/>
    </row>
    <row r="270" spans="2:6" s="4" customFormat="1" ht="56.25" customHeight="1" x14ac:dyDescent="0.25">
      <c r="B270" s="84" t="s">
        <v>324</v>
      </c>
      <c r="C270" s="80" t="s">
        <v>735</v>
      </c>
      <c r="D270" s="48"/>
      <c r="E270" s="94"/>
      <c r="F270" s="95"/>
    </row>
    <row r="271" spans="2:6" s="4" customFormat="1" ht="69" customHeight="1" x14ac:dyDescent="0.25">
      <c r="B271" s="84" t="s">
        <v>325</v>
      </c>
      <c r="C271" s="80" t="s">
        <v>736</v>
      </c>
      <c r="D271" s="48"/>
      <c r="E271" s="94"/>
      <c r="F271" s="95"/>
    </row>
    <row r="272" spans="2:6" s="4" customFormat="1" ht="55.5" customHeight="1" x14ac:dyDescent="0.25">
      <c r="B272" s="84" t="s">
        <v>326</v>
      </c>
      <c r="C272" s="80" t="s">
        <v>737</v>
      </c>
      <c r="D272" s="48"/>
      <c r="E272" s="94"/>
      <c r="F272" s="95"/>
    </row>
    <row r="273" spans="2:6" s="4" customFormat="1" ht="27.75" customHeight="1" x14ac:dyDescent="0.25">
      <c r="B273" s="84" t="s">
        <v>327</v>
      </c>
      <c r="C273" s="80" t="s">
        <v>738</v>
      </c>
      <c r="D273" s="48"/>
      <c r="E273" s="94"/>
      <c r="F273" s="95"/>
    </row>
    <row r="274" spans="2:6" s="4" customFormat="1" ht="24.95" customHeight="1" x14ac:dyDescent="0.25">
      <c r="B274" s="60" t="s">
        <v>328</v>
      </c>
      <c r="C274" s="80" t="s">
        <v>739</v>
      </c>
      <c r="D274" s="48"/>
      <c r="E274" s="94"/>
      <c r="F274" s="95"/>
    </row>
    <row r="275" spans="2:6" s="4" customFormat="1" ht="42.75" customHeight="1" x14ac:dyDescent="0.25">
      <c r="B275" s="61" t="s">
        <v>329</v>
      </c>
      <c r="C275" s="80" t="s">
        <v>740</v>
      </c>
      <c r="D275" s="48"/>
      <c r="E275" s="94"/>
      <c r="F275" s="95"/>
    </row>
    <row r="276" spans="2:6" s="4" customFormat="1" ht="29.25" customHeight="1" x14ac:dyDescent="0.25">
      <c r="B276" s="61" t="s">
        <v>330</v>
      </c>
      <c r="C276" s="80" t="s">
        <v>741</v>
      </c>
      <c r="D276" s="48"/>
      <c r="E276" s="94"/>
      <c r="F276" s="95"/>
    </row>
    <row r="277" spans="2:6" s="4" customFormat="1" ht="44.25" customHeight="1" x14ac:dyDescent="0.25">
      <c r="B277" s="61" t="s">
        <v>331</v>
      </c>
      <c r="C277" s="80" t="s">
        <v>742</v>
      </c>
      <c r="D277" s="48"/>
      <c r="E277" s="94"/>
      <c r="F277" s="95"/>
    </row>
    <row r="278" spans="2:6" s="4" customFormat="1" ht="44.25" customHeight="1" x14ac:dyDescent="0.25">
      <c r="B278" s="60" t="s">
        <v>332</v>
      </c>
      <c r="C278" s="80" t="s">
        <v>743</v>
      </c>
      <c r="D278" s="48"/>
      <c r="E278" s="94"/>
      <c r="F278" s="95"/>
    </row>
    <row r="279" spans="2:6" s="25" customFormat="1" ht="30.75" customHeight="1" x14ac:dyDescent="0.25">
      <c r="B279" s="91" t="s">
        <v>333</v>
      </c>
      <c r="C279" s="92"/>
      <c r="D279" s="92"/>
      <c r="E279" s="92"/>
      <c r="F279" s="93"/>
    </row>
    <row r="280" spans="2:6" s="4" customFormat="1" ht="44.25" customHeight="1" x14ac:dyDescent="0.25">
      <c r="B280" s="60" t="s">
        <v>334</v>
      </c>
      <c r="C280" s="63" t="s">
        <v>744</v>
      </c>
      <c r="D280" s="48"/>
      <c r="E280" s="94"/>
      <c r="F280" s="95"/>
    </row>
    <row r="281" spans="2:6" s="4" customFormat="1" ht="42.75" customHeight="1" x14ac:dyDescent="0.25">
      <c r="B281" s="61" t="s">
        <v>335</v>
      </c>
      <c r="C281" s="63" t="s">
        <v>745</v>
      </c>
      <c r="D281" s="48"/>
      <c r="E281" s="94"/>
      <c r="F281" s="95"/>
    </row>
    <row r="282" spans="2:6" s="4" customFormat="1" ht="63.75" x14ac:dyDescent="0.25">
      <c r="B282" s="61" t="s">
        <v>336</v>
      </c>
      <c r="C282" s="63" t="s">
        <v>746</v>
      </c>
      <c r="D282" s="48"/>
      <c r="E282" s="94"/>
      <c r="F282" s="95"/>
    </row>
    <row r="283" spans="2:6" s="4" customFormat="1" ht="60.75" customHeight="1" x14ac:dyDescent="0.25">
      <c r="B283" s="61" t="s">
        <v>337</v>
      </c>
      <c r="C283" s="63" t="s">
        <v>747</v>
      </c>
      <c r="D283" s="48"/>
      <c r="E283" s="94"/>
      <c r="F283" s="95"/>
    </row>
    <row r="284" spans="2:6" s="4" customFormat="1" ht="51" x14ac:dyDescent="0.25">
      <c r="B284" s="61" t="s">
        <v>338</v>
      </c>
      <c r="C284" s="63" t="s">
        <v>748</v>
      </c>
      <c r="D284" s="48"/>
      <c r="E284" s="94"/>
      <c r="F284" s="95"/>
    </row>
    <row r="285" spans="2:6" s="4" customFormat="1" ht="57.75" customHeight="1" x14ac:dyDescent="0.25">
      <c r="B285" s="61" t="s">
        <v>339</v>
      </c>
      <c r="C285" s="63" t="s">
        <v>749</v>
      </c>
      <c r="D285" s="48"/>
      <c r="E285" s="94"/>
      <c r="F285" s="95"/>
    </row>
    <row r="286" spans="2:6" s="4" customFormat="1" ht="72" customHeight="1" x14ac:dyDescent="0.25">
      <c r="B286" s="61" t="s">
        <v>340</v>
      </c>
      <c r="C286" s="63" t="s">
        <v>750</v>
      </c>
      <c r="D286" s="48"/>
      <c r="E286" s="94"/>
      <c r="F286" s="95"/>
    </row>
    <row r="287" spans="2:6" s="4" customFormat="1" ht="101.25" customHeight="1" x14ac:dyDescent="0.25">
      <c r="B287" s="61" t="s">
        <v>341</v>
      </c>
      <c r="C287" s="63" t="s">
        <v>751</v>
      </c>
      <c r="D287" s="48"/>
      <c r="E287" s="94"/>
      <c r="F287" s="95"/>
    </row>
    <row r="288" spans="2:6" s="4" customFormat="1" ht="24.95" customHeight="1" x14ac:dyDescent="0.25">
      <c r="B288" s="60" t="s">
        <v>342</v>
      </c>
      <c r="C288" s="64" t="s">
        <v>752</v>
      </c>
      <c r="D288" s="48"/>
      <c r="E288" s="94"/>
      <c r="F288" s="95"/>
    </row>
    <row r="289" spans="2:6" s="4" customFormat="1" ht="73.5" customHeight="1" x14ac:dyDescent="0.25">
      <c r="B289" s="61" t="s">
        <v>343</v>
      </c>
      <c r="C289" s="63" t="s">
        <v>753</v>
      </c>
      <c r="D289" s="48"/>
      <c r="E289" s="94"/>
      <c r="F289" s="95"/>
    </row>
    <row r="290" spans="2:6" s="4" customFormat="1" ht="78" customHeight="1" x14ac:dyDescent="0.25">
      <c r="B290" s="61" t="s">
        <v>344</v>
      </c>
      <c r="C290" s="63" t="s">
        <v>754</v>
      </c>
      <c r="D290" s="48"/>
      <c r="E290" s="94"/>
      <c r="F290" s="95"/>
    </row>
    <row r="291" spans="2:6" s="4" customFormat="1" ht="24.95" customHeight="1" x14ac:dyDescent="0.25">
      <c r="B291" s="60" t="s">
        <v>345</v>
      </c>
      <c r="C291" s="64" t="s">
        <v>755</v>
      </c>
      <c r="D291" s="48"/>
      <c r="E291" s="94"/>
      <c r="F291" s="95"/>
    </row>
    <row r="292" spans="2:6" s="4" customFormat="1" ht="46.5" customHeight="1" x14ac:dyDescent="0.25">
      <c r="B292" s="61" t="s">
        <v>346</v>
      </c>
      <c r="C292" s="63" t="s">
        <v>756</v>
      </c>
      <c r="D292" s="48"/>
      <c r="E292" s="94"/>
      <c r="F292" s="95"/>
    </row>
    <row r="293" spans="2:6" s="4" customFormat="1" ht="75" customHeight="1" x14ac:dyDescent="0.25">
      <c r="B293" s="61" t="s">
        <v>347</v>
      </c>
      <c r="C293" s="63" t="s">
        <v>757</v>
      </c>
      <c r="D293" s="48"/>
      <c r="E293" s="94"/>
      <c r="F293" s="95"/>
    </row>
    <row r="294" spans="2:6" s="4" customFormat="1" ht="48.75" customHeight="1" x14ac:dyDescent="0.25">
      <c r="B294" s="60" t="s">
        <v>348</v>
      </c>
      <c r="C294" s="63" t="s">
        <v>758</v>
      </c>
      <c r="D294" s="48"/>
      <c r="E294" s="94"/>
      <c r="F294" s="95"/>
    </row>
    <row r="295" spans="2:6" s="4" customFormat="1" ht="60.75" customHeight="1" x14ac:dyDescent="0.25">
      <c r="B295" s="60" t="s">
        <v>349</v>
      </c>
      <c r="C295" s="63" t="s">
        <v>350</v>
      </c>
      <c r="D295" s="48"/>
      <c r="E295" s="94"/>
      <c r="F295" s="95"/>
    </row>
    <row r="296" spans="2:6" s="4" customFormat="1" ht="97.5" customHeight="1" x14ac:dyDescent="0.25">
      <c r="B296" s="60" t="s">
        <v>351</v>
      </c>
      <c r="C296" s="63" t="s">
        <v>759</v>
      </c>
      <c r="D296" s="48"/>
      <c r="E296" s="94"/>
      <c r="F296" s="95"/>
    </row>
    <row r="297" spans="2:6" s="25" customFormat="1" ht="30.75" customHeight="1" x14ac:dyDescent="0.25">
      <c r="B297" s="91" t="s">
        <v>446</v>
      </c>
      <c r="C297" s="92"/>
      <c r="D297" s="92"/>
      <c r="E297" s="92"/>
      <c r="F297" s="93"/>
    </row>
    <row r="298" spans="2:6" s="4" customFormat="1" ht="24.95" customHeight="1" x14ac:dyDescent="0.25">
      <c r="B298" s="60" t="s">
        <v>352</v>
      </c>
      <c r="C298" s="63" t="s">
        <v>760</v>
      </c>
      <c r="D298" s="48"/>
      <c r="E298" s="94"/>
      <c r="F298" s="95"/>
    </row>
    <row r="299" spans="2:6" s="4" customFormat="1" ht="42.75" customHeight="1" x14ac:dyDescent="0.25">
      <c r="B299" s="61" t="s">
        <v>353</v>
      </c>
      <c r="C299" s="63" t="s">
        <v>761</v>
      </c>
      <c r="D299" s="48"/>
      <c r="E299" s="94"/>
      <c r="F299" s="95"/>
    </row>
    <row r="300" spans="2:6" s="4" customFormat="1" ht="41.25" customHeight="1" x14ac:dyDescent="0.25">
      <c r="B300" s="61" t="s">
        <v>354</v>
      </c>
      <c r="C300" s="63" t="s">
        <v>762</v>
      </c>
      <c r="D300" s="48"/>
      <c r="E300" s="94"/>
      <c r="F300" s="95"/>
    </row>
    <row r="301" spans="2:6" s="4" customFormat="1" ht="30" customHeight="1" x14ac:dyDescent="0.25">
      <c r="B301" s="61" t="s">
        <v>355</v>
      </c>
      <c r="C301" s="63" t="s">
        <v>763</v>
      </c>
      <c r="D301" s="48"/>
      <c r="E301" s="94"/>
      <c r="F301" s="95"/>
    </row>
    <row r="302" spans="2:6" s="4" customFormat="1" ht="46.5" customHeight="1" x14ac:dyDescent="0.25">
      <c r="B302" s="61" t="s">
        <v>356</v>
      </c>
      <c r="C302" s="63" t="s">
        <v>764</v>
      </c>
      <c r="D302" s="48"/>
      <c r="E302" s="94"/>
      <c r="F302" s="95"/>
    </row>
    <row r="303" spans="2:6" s="4" customFormat="1" ht="110.25" customHeight="1" x14ac:dyDescent="0.25">
      <c r="B303" s="61" t="s">
        <v>357</v>
      </c>
      <c r="C303" s="63" t="s">
        <v>765</v>
      </c>
      <c r="D303" s="48"/>
      <c r="E303" s="94"/>
      <c r="F303" s="95"/>
    </row>
    <row r="304" spans="2:6" s="4" customFormat="1" ht="33" customHeight="1" x14ac:dyDescent="0.25">
      <c r="B304" s="60" t="s">
        <v>358</v>
      </c>
      <c r="C304" s="63" t="s">
        <v>766</v>
      </c>
      <c r="D304" s="48"/>
      <c r="E304" s="94"/>
      <c r="F304" s="95"/>
    </row>
    <row r="305" spans="2:6" s="4" customFormat="1" ht="30" customHeight="1" x14ac:dyDescent="0.25">
      <c r="B305" s="61" t="s">
        <v>359</v>
      </c>
      <c r="C305" s="63" t="s">
        <v>767</v>
      </c>
      <c r="D305" s="48"/>
      <c r="E305" s="94"/>
      <c r="F305" s="95"/>
    </row>
    <row r="306" spans="2:6" s="4" customFormat="1" ht="30" customHeight="1" x14ac:dyDescent="0.25">
      <c r="B306" s="61" t="s">
        <v>360</v>
      </c>
      <c r="C306" s="63" t="s">
        <v>768</v>
      </c>
      <c r="D306" s="48"/>
      <c r="E306" s="94"/>
      <c r="F306" s="95"/>
    </row>
    <row r="307" spans="2:6" s="4" customFormat="1" ht="46.5" customHeight="1" x14ac:dyDescent="0.25">
      <c r="B307" s="61" t="s">
        <v>361</v>
      </c>
      <c r="C307" s="63" t="s">
        <v>769</v>
      </c>
      <c r="D307" s="48"/>
      <c r="E307" s="94"/>
      <c r="F307" s="95"/>
    </row>
    <row r="308" spans="2:6" s="4" customFormat="1" ht="30" customHeight="1" x14ac:dyDescent="0.25">
      <c r="B308" s="61" t="s">
        <v>362</v>
      </c>
      <c r="C308" s="63" t="s">
        <v>770</v>
      </c>
      <c r="D308" s="48"/>
      <c r="E308" s="94"/>
      <c r="F308" s="95"/>
    </row>
    <row r="309" spans="2:6" s="4" customFormat="1" ht="30" customHeight="1" x14ac:dyDescent="0.25">
      <c r="B309" s="61" t="s">
        <v>363</v>
      </c>
      <c r="C309" s="63" t="s">
        <v>771</v>
      </c>
      <c r="D309" s="48"/>
      <c r="E309" s="94"/>
      <c r="F309" s="95"/>
    </row>
    <row r="310" spans="2:6" s="4" customFormat="1" ht="30" customHeight="1" x14ac:dyDescent="0.25">
      <c r="B310" s="61" t="s">
        <v>364</v>
      </c>
      <c r="C310" s="63" t="s">
        <v>772</v>
      </c>
      <c r="D310" s="48"/>
      <c r="E310" s="94"/>
      <c r="F310" s="95"/>
    </row>
    <row r="311" spans="2:6" s="4" customFormat="1" ht="24.95" customHeight="1" x14ac:dyDescent="0.25">
      <c r="B311" s="61" t="s">
        <v>365</v>
      </c>
      <c r="C311" s="63" t="s">
        <v>773</v>
      </c>
      <c r="D311" s="48"/>
      <c r="E311" s="94"/>
      <c r="F311" s="95"/>
    </row>
    <row r="312" spans="2:6" s="4" customFormat="1" ht="24.95" customHeight="1" x14ac:dyDescent="0.25">
      <c r="B312" s="61" t="s">
        <v>366</v>
      </c>
      <c r="C312" s="63" t="s">
        <v>774</v>
      </c>
      <c r="D312" s="48"/>
      <c r="E312" s="94"/>
      <c r="F312" s="95"/>
    </row>
    <row r="313" spans="2:6" s="4" customFormat="1" ht="24.95" customHeight="1" x14ac:dyDescent="0.25">
      <c r="B313" s="61" t="s">
        <v>367</v>
      </c>
      <c r="C313" s="63" t="s">
        <v>775</v>
      </c>
      <c r="D313" s="48"/>
      <c r="E313" s="94"/>
      <c r="F313" s="95"/>
    </row>
    <row r="314" spans="2:6" s="4" customFormat="1" ht="24.95" customHeight="1" x14ac:dyDescent="0.25">
      <c r="B314" s="61" t="s">
        <v>368</v>
      </c>
      <c r="C314" s="63" t="s">
        <v>776</v>
      </c>
      <c r="D314" s="48"/>
      <c r="E314" s="94"/>
      <c r="F314" s="95"/>
    </row>
    <row r="315" spans="2:6" s="4" customFormat="1" ht="24.95" customHeight="1" x14ac:dyDescent="0.25">
      <c r="B315" s="61" t="s">
        <v>369</v>
      </c>
      <c r="C315" s="63" t="s">
        <v>777</v>
      </c>
      <c r="D315" s="48"/>
      <c r="E315" s="94"/>
      <c r="F315" s="95"/>
    </row>
    <row r="316" spans="2:6" s="4" customFormat="1" ht="30" customHeight="1" x14ac:dyDescent="0.25">
      <c r="B316" s="61" t="s">
        <v>370</v>
      </c>
      <c r="C316" s="63" t="s">
        <v>778</v>
      </c>
      <c r="D316" s="48"/>
      <c r="E316" s="94"/>
      <c r="F316" s="95"/>
    </row>
    <row r="317" spans="2:6" s="4" customFormat="1" ht="24.95" customHeight="1" x14ac:dyDescent="0.25">
      <c r="B317" s="61" t="s">
        <v>371</v>
      </c>
      <c r="C317" s="63" t="s">
        <v>779</v>
      </c>
      <c r="D317" s="48"/>
      <c r="E317" s="94"/>
      <c r="F317" s="95"/>
    </row>
    <row r="318" spans="2:6" s="4" customFormat="1" ht="42" customHeight="1" x14ac:dyDescent="0.25">
      <c r="B318" s="61" t="s">
        <v>372</v>
      </c>
      <c r="C318" s="63" t="s">
        <v>780</v>
      </c>
      <c r="D318" s="48"/>
      <c r="E318" s="94"/>
      <c r="F318" s="95"/>
    </row>
    <row r="319" spans="2:6" s="4" customFormat="1" ht="30" customHeight="1" x14ac:dyDescent="0.25">
      <c r="B319" s="61" t="s">
        <v>373</v>
      </c>
      <c r="C319" s="63" t="s">
        <v>781</v>
      </c>
      <c r="D319" s="48"/>
      <c r="E319" s="94"/>
      <c r="F319" s="95"/>
    </row>
    <row r="320" spans="2:6" s="4" customFormat="1" ht="43.5" customHeight="1" x14ac:dyDescent="0.25">
      <c r="B320" s="61" t="s">
        <v>374</v>
      </c>
      <c r="C320" s="63" t="s">
        <v>782</v>
      </c>
      <c r="D320" s="48"/>
      <c r="E320" s="94"/>
      <c r="F320" s="95"/>
    </row>
    <row r="321" spans="2:6" s="4" customFormat="1" ht="30" customHeight="1" x14ac:dyDescent="0.25">
      <c r="B321" s="61" t="s">
        <v>375</v>
      </c>
      <c r="C321" s="63" t="s">
        <v>783</v>
      </c>
      <c r="D321" s="48"/>
      <c r="E321" s="94"/>
      <c r="F321" s="95"/>
    </row>
    <row r="322" spans="2:6" s="4" customFormat="1" ht="24.95" customHeight="1" x14ac:dyDescent="0.25">
      <c r="B322" s="61" t="s">
        <v>376</v>
      </c>
      <c r="C322" s="63" t="s">
        <v>784</v>
      </c>
      <c r="D322" s="48"/>
      <c r="E322" s="94"/>
      <c r="F322" s="95"/>
    </row>
    <row r="323" spans="2:6" s="4" customFormat="1" ht="30" customHeight="1" x14ac:dyDescent="0.25">
      <c r="B323" s="61" t="s">
        <v>377</v>
      </c>
      <c r="C323" s="63" t="s">
        <v>785</v>
      </c>
      <c r="D323" s="48"/>
      <c r="E323" s="94"/>
      <c r="F323" s="95"/>
    </row>
    <row r="324" spans="2:6" s="4" customFormat="1" ht="45" customHeight="1" x14ac:dyDescent="0.25">
      <c r="B324" s="61" t="s">
        <v>378</v>
      </c>
      <c r="C324" s="63" t="s">
        <v>786</v>
      </c>
      <c r="D324" s="48"/>
      <c r="E324" s="94"/>
      <c r="F324" s="95"/>
    </row>
    <row r="325" spans="2:6" s="4" customFormat="1" ht="30" customHeight="1" x14ac:dyDescent="0.25">
      <c r="B325" s="61" t="s">
        <v>379</v>
      </c>
      <c r="C325" s="63" t="s">
        <v>787</v>
      </c>
      <c r="D325" s="48"/>
      <c r="E325" s="94"/>
      <c r="F325" s="95"/>
    </row>
    <row r="326" spans="2:6" s="4" customFormat="1" ht="24.95" customHeight="1" x14ac:dyDescent="0.25">
      <c r="B326" s="61" t="s">
        <v>380</v>
      </c>
      <c r="C326" s="63" t="s">
        <v>788</v>
      </c>
      <c r="D326" s="48"/>
      <c r="E326" s="94"/>
      <c r="F326" s="95"/>
    </row>
    <row r="327" spans="2:6" s="4" customFormat="1" ht="30" customHeight="1" x14ac:dyDescent="0.25">
      <c r="B327" s="61" t="s">
        <v>381</v>
      </c>
      <c r="C327" s="63" t="s">
        <v>789</v>
      </c>
      <c r="D327" s="48"/>
      <c r="E327" s="94"/>
      <c r="F327" s="95"/>
    </row>
    <row r="328" spans="2:6" s="4" customFormat="1" ht="44.25" customHeight="1" x14ac:dyDescent="0.25">
      <c r="B328" s="61" t="s">
        <v>382</v>
      </c>
      <c r="C328" s="63" t="s">
        <v>790</v>
      </c>
      <c r="D328" s="48"/>
      <c r="E328" s="94"/>
      <c r="F328" s="95"/>
    </row>
    <row r="329" spans="2:6" s="4" customFormat="1" ht="24.95" customHeight="1" x14ac:dyDescent="0.25">
      <c r="B329" s="61" t="s">
        <v>383</v>
      </c>
      <c r="C329" s="63" t="s">
        <v>791</v>
      </c>
      <c r="D329" s="48"/>
      <c r="E329" s="94"/>
      <c r="F329" s="95"/>
    </row>
    <row r="330" spans="2:6" s="4" customFormat="1" ht="24.95" customHeight="1" x14ac:dyDescent="0.25">
      <c r="B330" s="61" t="s">
        <v>384</v>
      </c>
      <c r="C330" s="63" t="s">
        <v>792</v>
      </c>
      <c r="D330" s="48"/>
      <c r="E330" s="94"/>
      <c r="F330" s="95"/>
    </row>
    <row r="331" spans="2:6" s="4" customFormat="1" ht="30" customHeight="1" x14ac:dyDescent="0.25">
      <c r="B331" s="61" t="s">
        <v>385</v>
      </c>
      <c r="C331" s="63" t="s">
        <v>793</v>
      </c>
      <c r="D331" s="48"/>
      <c r="E331" s="94"/>
      <c r="F331" s="95"/>
    </row>
    <row r="332" spans="2:6" s="4" customFormat="1" ht="24.95" customHeight="1" x14ac:dyDescent="0.25">
      <c r="B332" s="61" t="s">
        <v>386</v>
      </c>
      <c r="C332" s="63" t="s">
        <v>794</v>
      </c>
      <c r="D332" s="48"/>
      <c r="E332" s="94"/>
      <c r="F332" s="95"/>
    </row>
    <row r="333" spans="2:6" s="4" customFormat="1" ht="24.95" customHeight="1" x14ac:dyDescent="0.25">
      <c r="B333" s="61" t="s">
        <v>387</v>
      </c>
      <c r="C333" s="63" t="s">
        <v>795</v>
      </c>
      <c r="D333" s="48"/>
      <c r="E333" s="94"/>
      <c r="F333" s="95"/>
    </row>
    <row r="334" spans="2:6" s="4" customFormat="1" ht="24.95" customHeight="1" x14ac:dyDescent="0.25">
      <c r="B334" s="61" t="s">
        <v>388</v>
      </c>
      <c r="C334" s="63" t="s">
        <v>796</v>
      </c>
      <c r="D334" s="48"/>
      <c r="E334" s="94"/>
      <c r="F334" s="95"/>
    </row>
    <row r="335" spans="2:6" s="4" customFormat="1" ht="30" customHeight="1" x14ac:dyDescent="0.25">
      <c r="B335" s="61" t="s">
        <v>389</v>
      </c>
      <c r="C335" s="63" t="s">
        <v>797</v>
      </c>
      <c r="D335" s="48"/>
      <c r="E335" s="94"/>
      <c r="F335" s="95"/>
    </row>
    <row r="336" spans="2:6" s="4" customFormat="1" ht="30" customHeight="1" x14ac:dyDescent="0.25">
      <c r="B336" s="61" t="s">
        <v>390</v>
      </c>
      <c r="C336" s="63" t="s">
        <v>798</v>
      </c>
      <c r="D336" s="48"/>
      <c r="E336" s="94"/>
      <c r="F336" s="95"/>
    </row>
    <row r="337" spans="2:6" s="4" customFormat="1" ht="30" customHeight="1" x14ac:dyDescent="0.25">
      <c r="B337" s="61" t="s">
        <v>391</v>
      </c>
      <c r="C337" s="63" t="s">
        <v>799</v>
      </c>
      <c r="D337" s="48"/>
      <c r="E337" s="94"/>
      <c r="F337" s="95"/>
    </row>
    <row r="338" spans="2:6" s="4" customFormat="1" ht="60" customHeight="1" x14ac:dyDescent="0.25">
      <c r="B338" s="61" t="s">
        <v>392</v>
      </c>
      <c r="C338" s="63" t="s">
        <v>800</v>
      </c>
      <c r="D338" s="48"/>
      <c r="E338" s="94"/>
      <c r="F338" s="95"/>
    </row>
    <row r="339" spans="2:6" s="4" customFormat="1" ht="30" customHeight="1" x14ac:dyDescent="0.25">
      <c r="B339" s="61" t="s">
        <v>393</v>
      </c>
      <c r="C339" s="63" t="s">
        <v>801</v>
      </c>
      <c r="D339" s="48"/>
      <c r="E339" s="94"/>
      <c r="F339" s="95"/>
    </row>
    <row r="340" spans="2:6" s="4" customFormat="1" ht="24.95" customHeight="1" x14ac:dyDescent="0.25">
      <c r="B340" s="61" t="s">
        <v>394</v>
      </c>
      <c r="C340" s="63" t="s">
        <v>802</v>
      </c>
      <c r="D340" s="48"/>
      <c r="E340" s="94"/>
      <c r="F340" s="95"/>
    </row>
    <row r="341" spans="2:6" s="4" customFormat="1" ht="45.75" customHeight="1" x14ac:dyDescent="0.25">
      <c r="B341" s="61" t="s">
        <v>395</v>
      </c>
      <c r="C341" s="63" t="s">
        <v>803</v>
      </c>
      <c r="D341" s="48"/>
      <c r="E341" s="94"/>
      <c r="F341" s="95"/>
    </row>
    <row r="342" spans="2:6" s="4" customFormat="1" ht="30" customHeight="1" x14ac:dyDescent="0.25">
      <c r="B342" s="61" t="s">
        <v>396</v>
      </c>
      <c r="C342" s="63" t="s">
        <v>804</v>
      </c>
      <c r="D342" s="48"/>
      <c r="E342" s="94"/>
      <c r="F342" s="95"/>
    </row>
    <row r="343" spans="2:6" s="4" customFormat="1" ht="24.95" customHeight="1" x14ac:dyDescent="0.25">
      <c r="B343" s="61" t="s">
        <v>397</v>
      </c>
      <c r="C343" s="63" t="s">
        <v>805</v>
      </c>
      <c r="D343" s="48"/>
      <c r="E343" s="94"/>
      <c r="F343" s="95"/>
    </row>
    <row r="344" spans="2:6" s="4" customFormat="1" ht="24.95" customHeight="1" x14ac:dyDescent="0.25">
      <c r="B344" s="61" t="s">
        <v>398</v>
      </c>
      <c r="C344" s="63" t="s">
        <v>806</v>
      </c>
      <c r="D344" s="48"/>
      <c r="E344" s="94"/>
      <c r="F344" s="95"/>
    </row>
    <row r="345" spans="2:6" s="4" customFormat="1" ht="30" customHeight="1" x14ac:dyDescent="0.25">
      <c r="B345" s="61" t="s">
        <v>399</v>
      </c>
      <c r="C345" s="63" t="s">
        <v>807</v>
      </c>
      <c r="D345" s="48"/>
      <c r="E345" s="94"/>
      <c r="F345" s="95"/>
    </row>
    <row r="346" spans="2:6" s="4" customFormat="1" ht="43.5" customHeight="1" x14ac:dyDescent="0.25">
      <c r="B346" s="61" t="s">
        <v>400</v>
      </c>
      <c r="C346" s="63" t="s">
        <v>808</v>
      </c>
      <c r="D346" s="48"/>
      <c r="E346" s="94"/>
      <c r="F346" s="95"/>
    </row>
    <row r="347" spans="2:6" s="4" customFormat="1" ht="30" customHeight="1" x14ac:dyDescent="0.25">
      <c r="B347" s="61" t="s">
        <v>401</v>
      </c>
      <c r="C347" s="63" t="s">
        <v>809</v>
      </c>
      <c r="D347" s="48"/>
      <c r="E347" s="94"/>
      <c r="F347" s="95"/>
    </row>
    <row r="348" spans="2:6" s="4" customFormat="1" ht="30" customHeight="1" x14ac:dyDescent="0.25">
      <c r="B348" s="61" t="s">
        <v>402</v>
      </c>
      <c r="C348" s="63" t="s">
        <v>810</v>
      </c>
      <c r="D348" s="48"/>
      <c r="E348" s="94"/>
      <c r="F348" s="95"/>
    </row>
    <row r="349" spans="2:6" s="4" customFormat="1" ht="46.5" customHeight="1" x14ac:dyDescent="0.25">
      <c r="B349" s="61" t="s">
        <v>403</v>
      </c>
      <c r="C349" s="63" t="s">
        <v>811</v>
      </c>
      <c r="D349" s="48"/>
      <c r="E349" s="94"/>
      <c r="F349" s="95"/>
    </row>
    <row r="350" spans="2:6" s="4" customFormat="1" ht="30" customHeight="1" x14ac:dyDescent="0.25">
      <c r="B350" s="61" t="s">
        <v>404</v>
      </c>
      <c r="C350" s="63" t="s">
        <v>812</v>
      </c>
      <c r="D350" s="48"/>
      <c r="E350" s="94"/>
      <c r="F350" s="95"/>
    </row>
    <row r="351" spans="2:6" s="4" customFormat="1" ht="24.95" customHeight="1" x14ac:dyDescent="0.25">
      <c r="B351" s="61" t="s">
        <v>405</v>
      </c>
      <c r="C351" s="63" t="s">
        <v>813</v>
      </c>
      <c r="D351" s="48"/>
      <c r="E351" s="94"/>
      <c r="F351" s="95"/>
    </row>
    <row r="352" spans="2:6" s="4" customFormat="1" ht="24.95" customHeight="1" x14ac:dyDescent="0.25">
      <c r="B352" s="61" t="s">
        <v>406</v>
      </c>
      <c r="C352" s="63" t="s">
        <v>814</v>
      </c>
      <c r="D352" s="48"/>
      <c r="E352" s="94"/>
      <c r="F352" s="95"/>
    </row>
    <row r="353" spans="2:6" s="4" customFormat="1" ht="24.95" customHeight="1" x14ac:dyDescent="0.25">
      <c r="B353" s="60" t="s">
        <v>407</v>
      </c>
      <c r="C353" s="63" t="s">
        <v>815</v>
      </c>
      <c r="D353" s="48"/>
      <c r="E353" s="94"/>
      <c r="F353" s="95"/>
    </row>
    <row r="354" spans="2:6" s="4" customFormat="1" ht="74.25" customHeight="1" x14ac:dyDescent="0.25">
      <c r="B354" s="61" t="s">
        <v>408</v>
      </c>
      <c r="C354" s="63" t="s">
        <v>816</v>
      </c>
      <c r="D354" s="48"/>
      <c r="E354" s="94"/>
      <c r="F354" s="95"/>
    </row>
    <row r="355" spans="2:6" s="4" customFormat="1" ht="45" customHeight="1" x14ac:dyDescent="0.25">
      <c r="B355" s="61" t="s">
        <v>409</v>
      </c>
      <c r="C355" s="63" t="s">
        <v>817</v>
      </c>
      <c r="D355" s="48"/>
      <c r="E355" s="94"/>
      <c r="F355" s="95"/>
    </row>
    <row r="356" spans="2:6" s="4" customFormat="1" ht="24.95" customHeight="1" x14ac:dyDescent="0.25">
      <c r="B356" s="61" t="s">
        <v>410</v>
      </c>
      <c r="C356" s="63" t="s">
        <v>818</v>
      </c>
      <c r="D356" s="48"/>
      <c r="E356" s="94"/>
      <c r="F356" s="95"/>
    </row>
    <row r="357" spans="2:6" s="4" customFormat="1" ht="24.95" customHeight="1" x14ac:dyDescent="0.25">
      <c r="B357" s="61" t="s">
        <v>411</v>
      </c>
      <c r="C357" s="63" t="s">
        <v>819</v>
      </c>
      <c r="D357" s="48"/>
      <c r="E357" s="94"/>
      <c r="F357" s="95"/>
    </row>
    <row r="358" spans="2:6" s="4" customFormat="1" ht="30" customHeight="1" x14ac:dyDescent="0.25">
      <c r="B358" s="61" t="s">
        <v>412</v>
      </c>
      <c r="C358" s="63" t="s">
        <v>820</v>
      </c>
      <c r="D358" s="48"/>
      <c r="E358" s="94"/>
      <c r="F358" s="95"/>
    </row>
    <row r="359" spans="2:6" s="4" customFormat="1" ht="24.95" customHeight="1" x14ac:dyDescent="0.25">
      <c r="B359" s="61" t="s">
        <v>413</v>
      </c>
      <c r="C359" s="63" t="s">
        <v>821</v>
      </c>
      <c r="D359" s="48"/>
      <c r="E359" s="94"/>
      <c r="F359" s="95"/>
    </row>
    <row r="360" spans="2:6" s="4" customFormat="1" ht="24.95" customHeight="1" x14ac:dyDescent="0.25">
      <c r="B360" s="61" t="s">
        <v>414</v>
      </c>
      <c r="C360" s="63" t="s">
        <v>822</v>
      </c>
      <c r="D360" s="48"/>
      <c r="E360" s="94"/>
      <c r="F360" s="95"/>
    </row>
    <row r="361" spans="2:6" s="4" customFormat="1" ht="24.95" customHeight="1" x14ac:dyDescent="0.25">
      <c r="B361" s="61" t="s">
        <v>415</v>
      </c>
      <c r="C361" s="63" t="s">
        <v>823</v>
      </c>
      <c r="D361" s="48"/>
      <c r="E361" s="94"/>
      <c r="F361" s="95"/>
    </row>
    <row r="362" spans="2:6" s="4" customFormat="1" ht="30" customHeight="1" x14ac:dyDescent="0.25">
      <c r="B362" s="61" t="s">
        <v>416</v>
      </c>
      <c r="C362" s="63" t="s">
        <v>824</v>
      </c>
      <c r="D362" s="48"/>
      <c r="E362" s="94"/>
      <c r="F362" s="95"/>
    </row>
    <row r="363" spans="2:6" s="4" customFormat="1" ht="24.95" customHeight="1" x14ac:dyDescent="0.25">
      <c r="B363" s="61" t="s">
        <v>417</v>
      </c>
      <c r="C363" s="63" t="s">
        <v>825</v>
      </c>
      <c r="D363" s="48"/>
      <c r="E363" s="94"/>
      <c r="F363" s="95"/>
    </row>
    <row r="364" spans="2:6" s="4" customFormat="1" ht="24.95" customHeight="1" x14ac:dyDescent="0.25">
      <c r="B364" s="61" t="s">
        <v>418</v>
      </c>
      <c r="C364" s="63" t="s">
        <v>826</v>
      </c>
      <c r="D364" s="48"/>
      <c r="E364" s="94"/>
      <c r="F364" s="95"/>
    </row>
    <row r="365" spans="2:6" s="4" customFormat="1" ht="24.95" customHeight="1" x14ac:dyDescent="0.25">
      <c r="B365" s="61" t="s">
        <v>419</v>
      </c>
      <c r="C365" s="63" t="s">
        <v>827</v>
      </c>
      <c r="D365" s="48"/>
      <c r="E365" s="94"/>
      <c r="F365" s="95"/>
    </row>
    <row r="366" spans="2:6" s="4" customFormat="1" ht="24.95" customHeight="1" x14ac:dyDescent="0.25">
      <c r="B366" s="61" t="s">
        <v>420</v>
      </c>
      <c r="C366" s="63" t="s">
        <v>828</v>
      </c>
      <c r="D366" s="48"/>
      <c r="E366" s="94"/>
      <c r="F366" s="95"/>
    </row>
    <row r="367" spans="2:6" s="4" customFormat="1" ht="30" customHeight="1" x14ac:dyDescent="0.25">
      <c r="B367" s="61" t="s">
        <v>421</v>
      </c>
      <c r="C367" s="63" t="s">
        <v>829</v>
      </c>
      <c r="D367" s="48"/>
      <c r="E367" s="94"/>
      <c r="F367" s="95"/>
    </row>
    <row r="368" spans="2:6" s="4" customFormat="1" ht="30" customHeight="1" x14ac:dyDescent="0.25">
      <c r="B368" s="61" t="s">
        <v>422</v>
      </c>
      <c r="C368" s="63" t="s">
        <v>830</v>
      </c>
      <c r="D368" s="48"/>
      <c r="E368" s="94"/>
      <c r="F368" s="95"/>
    </row>
    <row r="369" spans="2:6" s="4" customFormat="1" ht="29.25" customHeight="1" x14ac:dyDescent="0.25">
      <c r="B369" s="61" t="s">
        <v>423</v>
      </c>
      <c r="C369" s="63" t="s">
        <v>831</v>
      </c>
      <c r="D369" s="48"/>
      <c r="E369" s="94"/>
      <c r="F369" s="95"/>
    </row>
    <row r="370" spans="2:6" s="4" customFormat="1" ht="47.25" customHeight="1" x14ac:dyDescent="0.25">
      <c r="B370" s="61" t="s">
        <v>424</v>
      </c>
      <c r="C370" s="63" t="s">
        <v>832</v>
      </c>
      <c r="D370" s="48"/>
      <c r="E370" s="94"/>
      <c r="F370" s="95"/>
    </row>
    <row r="371" spans="2:6" s="4" customFormat="1" ht="30" customHeight="1" x14ac:dyDescent="0.25">
      <c r="B371" s="61" t="s">
        <v>425</v>
      </c>
      <c r="C371" s="63" t="s">
        <v>833</v>
      </c>
      <c r="D371" s="48"/>
      <c r="E371" s="94"/>
      <c r="F371" s="95"/>
    </row>
    <row r="372" spans="2:6" s="4" customFormat="1" ht="30" customHeight="1" x14ac:dyDescent="0.25">
      <c r="B372" s="61" t="s">
        <v>426</v>
      </c>
      <c r="C372" s="63" t="s">
        <v>834</v>
      </c>
      <c r="D372" s="48"/>
      <c r="E372" s="94"/>
      <c r="F372" s="95"/>
    </row>
    <row r="373" spans="2:6" s="4" customFormat="1" ht="30" customHeight="1" x14ac:dyDescent="0.25">
      <c r="B373" s="61" t="s">
        <v>427</v>
      </c>
      <c r="C373" s="63" t="s">
        <v>835</v>
      </c>
      <c r="D373" s="48"/>
      <c r="E373" s="94"/>
      <c r="F373" s="95"/>
    </row>
    <row r="374" spans="2:6" s="4" customFormat="1" ht="24.95" customHeight="1" x14ac:dyDescent="0.25">
      <c r="B374" s="60" t="s">
        <v>428</v>
      </c>
      <c r="C374" s="64" t="s">
        <v>836</v>
      </c>
      <c r="D374" s="48"/>
      <c r="E374" s="94"/>
      <c r="F374" s="95"/>
    </row>
    <row r="375" spans="2:6" s="4" customFormat="1" ht="24.95" customHeight="1" x14ac:dyDescent="0.25">
      <c r="B375" s="61" t="s">
        <v>429</v>
      </c>
      <c r="C375" s="63" t="s">
        <v>837</v>
      </c>
      <c r="D375" s="48"/>
      <c r="E375" s="94"/>
      <c r="F375" s="95"/>
    </row>
    <row r="376" spans="2:6" s="4" customFormat="1" ht="24.95" customHeight="1" x14ac:dyDescent="0.25">
      <c r="B376" s="61" t="s">
        <v>430</v>
      </c>
      <c r="C376" s="63" t="s">
        <v>838</v>
      </c>
      <c r="D376" s="48"/>
      <c r="E376" s="94"/>
      <c r="F376" s="95"/>
    </row>
    <row r="377" spans="2:6" s="4" customFormat="1" ht="24.95" customHeight="1" x14ac:dyDescent="0.25">
      <c r="B377" s="61" t="s">
        <v>431</v>
      </c>
      <c r="C377" s="63" t="s">
        <v>839</v>
      </c>
      <c r="D377" s="48"/>
      <c r="E377" s="94"/>
      <c r="F377" s="95"/>
    </row>
    <row r="378" spans="2:6" s="4" customFormat="1" ht="30" customHeight="1" x14ac:dyDescent="0.25">
      <c r="B378" s="61" t="s">
        <v>432</v>
      </c>
      <c r="C378" s="63" t="s">
        <v>840</v>
      </c>
      <c r="D378" s="48"/>
      <c r="E378" s="94"/>
      <c r="F378" s="95"/>
    </row>
    <row r="379" spans="2:6" s="4" customFormat="1" ht="24.95" customHeight="1" x14ac:dyDescent="0.25">
      <c r="B379" s="61" t="s">
        <v>433</v>
      </c>
      <c r="C379" s="63" t="s">
        <v>841</v>
      </c>
      <c r="D379" s="48"/>
      <c r="E379" s="94"/>
      <c r="F379" s="95"/>
    </row>
    <row r="380" spans="2:6" s="4" customFormat="1" ht="24.95" customHeight="1" x14ac:dyDescent="0.25">
      <c r="B380" s="61" t="s">
        <v>434</v>
      </c>
      <c r="C380" s="63" t="s">
        <v>842</v>
      </c>
      <c r="D380" s="48"/>
      <c r="E380" s="94"/>
      <c r="F380" s="95"/>
    </row>
    <row r="381" spans="2:6" s="4" customFormat="1" ht="30" customHeight="1" x14ac:dyDescent="0.25">
      <c r="B381" s="61" t="s">
        <v>435</v>
      </c>
      <c r="C381" s="63" t="s">
        <v>843</v>
      </c>
      <c r="D381" s="48"/>
      <c r="E381" s="94"/>
      <c r="F381" s="95"/>
    </row>
    <row r="382" spans="2:6" s="4" customFormat="1" ht="24.95" customHeight="1" x14ac:dyDescent="0.25">
      <c r="B382" s="60" t="s">
        <v>436</v>
      </c>
      <c r="C382" s="64" t="s">
        <v>844</v>
      </c>
      <c r="D382" s="48"/>
      <c r="E382" s="94"/>
      <c r="F382" s="95"/>
    </row>
    <row r="383" spans="2:6" s="4" customFormat="1" ht="24.95" customHeight="1" x14ac:dyDescent="0.25">
      <c r="B383" s="61" t="s">
        <v>437</v>
      </c>
      <c r="C383" s="63" t="s">
        <v>845</v>
      </c>
      <c r="D383" s="48"/>
      <c r="E383" s="94"/>
      <c r="F383" s="95"/>
    </row>
    <row r="384" spans="2:6" s="4" customFormat="1" ht="24.95" customHeight="1" x14ac:dyDescent="0.25">
      <c r="B384" s="61" t="s">
        <v>438</v>
      </c>
      <c r="C384" s="63" t="s">
        <v>846</v>
      </c>
      <c r="D384" s="48"/>
      <c r="E384" s="94"/>
      <c r="F384" s="95"/>
    </row>
    <row r="385" spans="2:6" s="4" customFormat="1" ht="45" customHeight="1" x14ac:dyDescent="0.25">
      <c r="B385" s="61" t="s">
        <v>439</v>
      </c>
      <c r="C385" s="63" t="s">
        <v>847</v>
      </c>
      <c r="D385" s="48"/>
      <c r="E385" s="94"/>
      <c r="F385" s="95"/>
    </row>
    <row r="386" spans="2:6" s="4" customFormat="1" ht="30" customHeight="1" x14ac:dyDescent="0.25">
      <c r="B386" s="61" t="s">
        <v>440</v>
      </c>
      <c r="C386" s="63" t="s">
        <v>848</v>
      </c>
      <c r="D386" s="48"/>
      <c r="E386" s="94"/>
      <c r="F386" s="95"/>
    </row>
    <row r="387" spans="2:6" s="4" customFormat="1" ht="24.95" customHeight="1" x14ac:dyDescent="0.25">
      <c r="B387" s="61" t="s">
        <v>441</v>
      </c>
      <c r="C387" s="63" t="s">
        <v>849</v>
      </c>
      <c r="D387" s="48"/>
      <c r="E387" s="94"/>
      <c r="F387" s="95"/>
    </row>
    <row r="388" spans="2:6" s="4" customFormat="1" ht="24.95" customHeight="1" x14ac:dyDescent="0.25">
      <c r="B388" s="61" t="s">
        <v>442</v>
      </c>
      <c r="C388" s="63" t="s">
        <v>850</v>
      </c>
      <c r="D388" s="48"/>
      <c r="E388" s="94"/>
      <c r="F388" s="95"/>
    </row>
    <row r="389" spans="2:6" s="4" customFormat="1" ht="24.95" customHeight="1" x14ac:dyDescent="0.25">
      <c r="B389" s="61" t="s">
        <v>443</v>
      </c>
      <c r="C389" s="63" t="s">
        <v>851</v>
      </c>
      <c r="D389" s="48"/>
      <c r="E389" s="94"/>
      <c r="F389" s="95"/>
    </row>
    <row r="390" spans="2:6" s="4" customFormat="1" ht="24.95" customHeight="1" thickBot="1" x14ac:dyDescent="0.3">
      <c r="B390" s="62" t="s">
        <v>444</v>
      </c>
      <c r="C390" s="65" t="s">
        <v>852</v>
      </c>
      <c r="D390" s="49"/>
      <c r="E390" s="98"/>
      <c r="F390" s="99"/>
    </row>
    <row r="391" spans="2:6" s="3" customFormat="1" ht="5.0999999999999996" customHeight="1" x14ac:dyDescent="0.25">
      <c r="B391" s="5"/>
      <c r="C391" s="5"/>
      <c r="D391" s="7"/>
      <c r="E391" s="7"/>
      <c r="F391" s="26"/>
    </row>
    <row r="392" spans="2:6" s="2" customFormat="1" ht="20.100000000000001" customHeight="1" x14ac:dyDescent="0.25">
      <c r="B392" s="105" t="s">
        <v>48</v>
      </c>
      <c r="C392" s="105"/>
      <c r="D392" s="105"/>
      <c r="E392" s="105"/>
      <c r="F392" s="105"/>
    </row>
    <row r="393" spans="2:6" s="2" customFormat="1" ht="5.0999999999999996" customHeight="1" thickBot="1" x14ac:dyDescent="0.3">
      <c r="B393" s="15"/>
      <c r="D393" s="6"/>
      <c r="E393" s="6"/>
      <c r="F393" s="6"/>
    </row>
    <row r="394" spans="2:6" s="3" customFormat="1" ht="69" customHeight="1" x14ac:dyDescent="0.25">
      <c r="B394" s="121" t="s">
        <v>8</v>
      </c>
      <c r="C394" s="122"/>
      <c r="D394" s="109" t="s">
        <v>31</v>
      </c>
      <c r="E394" s="110"/>
      <c r="F394" s="111"/>
    </row>
    <row r="395" spans="2:6" s="3" customFormat="1" ht="30" customHeight="1" thickBot="1" x14ac:dyDescent="0.3">
      <c r="B395" s="123"/>
      <c r="C395" s="124"/>
      <c r="D395" s="24" t="s">
        <v>7</v>
      </c>
      <c r="E395" s="125" t="s">
        <v>32</v>
      </c>
      <c r="F395" s="126"/>
    </row>
    <row r="396" spans="2:6" s="2" customFormat="1" ht="24.95" customHeight="1" x14ac:dyDescent="0.25">
      <c r="B396" s="75" t="s">
        <v>16</v>
      </c>
      <c r="C396" s="68" t="s">
        <v>97</v>
      </c>
      <c r="D396" s="56"/>
      <c r="E396" s="100"/>
      <c r="F396" s="101"/>
    </row>
    <row r="397" spans="2:6" s="2" customFormat="1" ht="124.5" customHeight="1" x14ac:dyDescent="0.25">
      <c r="B397" s="71" t="s">
        <v>120</v>
      </c>
      <c r="C397" s="66" t="s">
        <v>454</v>
      </c>
      <c r="D397" s="48"/>
      <c r="E397" s="96"/>
      <c r="F397" s="97"/>
    </row>
    <row r="398" spans="2:6" s="2" customFormat="1" ht="65.25" customHeight="1" x14ac:dyDescent="0.25">
      <c r="B398" s="76" t="s">
        <v>121</v>
      </c>
      <c r="C398" s="67" t="s">
        <v>854</v>
      </c>
      <c r="D398" s="48"/>
      <c r="E398" s="96"/>
      <c r="F398" s="97"/>
    </row>
    <row r="399" spans="2:6" s="2" customFormat="1" ht="24.95" customHeight="1" x14ac:dyDescent="0.25">
      <c r="B399" s="70" t="s">
        <v>57</v>
      </c>
      <c r="C399" s="67" t="s">
        <v>447</v>
      </c>
      <c r="D399" s="48"/>
      <c r="E399" s="96"/>
      <c r="F399" s="97"/>
    </row>
    <row r="400" spans="2:6" s="2" customFormat="1" ht="46.5" customHeight="1" x14ac:dyDescent="0.25">
      <c r="B400" s="76" t="s">
        <v>88</v>
      </c>
      <c r="C400" s="67" t="s">
        <v>455</v>
      </c>
      <c r="D400" s="48"/>
      <c r="E400" s="96"/>
      <c r="F400" s="97"/>
    </row>
    <row r="401" spans="2:6" s="2" customFormat="1" ht="24.95" customHeight="1" x14ac:dyDescent="0.25">
      <c r="B401" s="71" t="s">
        <v>89</v>
      </c>
      <c r="C401" s="66" t="s">
        <v>456</v>
      </c>
      <c r="D401" s="48"/>
      <c r="E401" s="96"/>
      <c r="F401" s="97"/>
    </row>
    <row r="402" spans="2:6" s="2" customFormat="1" ht="44.25" customHeight="1" x14ac:dyDescent="0.25">
      <c r="B402" s="71" t="s">
        <v>90</v>
      </c>
      <c r="C402" s="66" t="s">
        <v>457</v>
      </c>
      <c r="D402" s="48"/>
      <c r="E402" s="96"/>
      <c r="F402" s="97"/>
    </row>
    <row r="403" spans="2:6" s="2" customFormat="1" ht="44.25" customHeight="1" x14ac:dyDescent="0.25">
      <c r="B403" s="71" t="s">
        <v>91</v>
      </c>
      <c r="C403" s="66" t="s">
        <v>458</v>
      </c>
      <c r="D403" s="48"/>
      <c r="E403" s="96"/>
      <c r="F403" s="97"/>
    </row>
    <row r="404" spans="2:6" s="2" customFormat="1" ht="108" customHeight="1" x14ac:dyDescent="0.25">
      <c r="B404" s="71" t="s">
        <v>92</v>
      </c>
      <c r="C404" s="66" t="s">
        <v>459</v>
      </c>
      <c r="D404" s="48"/>
      <c r="E404" s="96"/>
      <c r="F404" s="97"/>
    </row>
    <row r="405" spans="2:6" s="2" customFormat="1" ht="114" customHeight="1" x14ac:dyDescent="0.25">
      <c r="B405" s="69" t="s">
        <v>58</v>
      </c>
      <c r="C405" s="66" t="s">
        <v>853</v>
      </c>
      <c r="D405" s="48"/>
      <c r="E405" s="96"/>
      <c r="F405" s="97"/>
    </row>
    <row r="406" spans="2:6" s="2" customFormat="1" ht="46.5" customHeight="1" x14ac:dyDescent="0.25">
      <c r="B406" s="71" t="s">
        <v>94</v>
      </c>
      <c r="C406" s="66" t="s">
        <v>448</v>
      </c>
      <c r="D406" s="48"/>
      <c r="E406" s="96"/>
      <c r="F406" s="97"/>
    </row>
    <row r="407" spans="2:6" s="2" customFormat="1" ht="103.5" customHeight="1" x14ac:dyDescent="0.25">
      <c r="B407" s="69" t="s">
        <v>59</v>
      </c>
      <c r="C407" s="66" t="s">
        <v>460</v>
      </c>
      <c r="D407" s="48"/>
      <c r="E407" s="96"/>
      <c r="F407" s="97"/>
    </row>
    <row r="408" spans="2:6" s="2" customFormat="1" ht="38.25" customHeight="1" x14ac:dyDescent="0.25">
      <c r="B408" s="69" t="s">
        <v>60</v>
      </c>
      <c r="C408" s="66" t="s">
        <v>461</v>
      </c>
      <c r="D408" s="48"/>
      <c r="E408" s="96"/>
      <c r="F408" s="97"/>
    </row>
    <row r="409" spans="2:6" s="2" customFormat="1" ht="125.25" customHeight="1" x14ac:dyDescent="0.25">
      <c r="B409" s="69" t="s">
        <v>61</v>
      </c>
      <c r="C409" s="66" t="s">
        <v>462</v>
      </c>
      <c r="D409" s="48"/>
      <c r="E409" s="96"/>
      <c r="F409" s="97"/>
    </row>
    <row r="410" spans="2:6" s="2" customFormat="1" ht="88.5" customHeight="1" x14ac:dyDescent="0.25">
      <c r="B410" s="69" t="s">
        <v>68</v>
      </c>
      <c r="C410" s="66" t="s">
        <v>463</v>
      </c>
      <c r="D410" s="48"/>
      <c r="E410" s="96"/>
      <c r="F410" s="97"/>
    </row>
    <row r="411" spans="2:6" s="2" customFormat="1" ht="37.5" customHeight="1" x14ac:dyDescent="0.25">
      <c r="B411" s="69" t="s">
        <v>62</v>
      </c>
      <c r="C411" s="66" t="s">
        <v>449</v>
      </c>
      <c r="D411" s="48"/>
      <c r="E411" s="96"/>
      <c r="F411" s="97"/>
    </row>
    <row r="412" spans="2:6" s="2" customFormat="1" ht="88.5" customHeight="1" x14ac:dyDescent="0.25">
      <c r="B412" s="69" t="s">
        <v>63</v>
      </c>
      <c r="C412" s="66" t="s">
        <v>464</v>
      </c>
      <c r="D412" s="48"/>
      <c r="E412" s="96"/>
      <c r="F412" s="97"/>
    </row>
    <row r="413" spans="2:6" s="2" customFormat="1" ht="72" customHeight="1" x14ac:dyDescent="0.25">
      <c r="B413" s="69" t="s">
        <v>64</v>
      </c>
      <c r="C413" s="66" t="s">
        <v>450</v>
      </c>
      <c r="D413" s="48"/>
      <c r="E413" s="96"/>
      <c r="F413" s="97"/>
    </row>
    <row r="414" spans="2:6" s="2" customFormat="1" ht="89.25" customHeight="1" x14ac:dyDescent="0.25">
      <c r="B414" s="69" t="s">
        <v>65</v>
      </c>
      <c r="C414" s="66" t="s">
        <v>465</v>
      </c>
      <c r="D414" s="48"/>
      <c r="E414" s="96"/>
      <c r="F414" s="97"/>
    </row>
    <row r="415" spans="2:6" s="2" customFormat="1" ht="74.25" customHeight="1" x14ac:dyDescent="0.25">
      <c r="B415" s="69" t="s">
        <v>69</v>
      </c>
      <c r="C415" s="66" t="s">
        <v>466</v>
      </c>
      <c r="D415" s="48"/>
      <c r="E415" s="96"/>
      <c r="F415" s="97"/>
    </row>
    <row r="416" spans="2:6" s="2" customFormat="1" ht="84.75" customHeight="1" x14ac:dyDescent="0.25">
      <c r="B416" s="69" t="s">
        <v>70</v>
      </c>
      <c r="C416" s="66" t="s">
        <v>467</v>
      </c>
      <c r="D416" s="48"/>
      <c r="E416" s="96"/>
      <c r="F416" s="97"/>
    </row>
    <row r="417" spans="2:6" s="2" customFormat="1" ht="69.75" customHeight="1" x14ac:dyDescent="0.25">
      <c r="B417" s="69" t="s">
        <v>66</v>
      </c>
      <c r="C417" s="66" t="s">
        <v>468</v>
      </c>
      <c r="D417" s="48"/>
      <c r="E417" s="96"/>
      <c r="F417" s="97"/>
    </row>
    <row r="418" spans="2:6" s="2" customFormat="1" ht="91.5" customHeight="1" x14ac:dyDescent="0.25">
      <c r="B418" s="69" t="s">
        <v>71</v>
      </c>
      <c r="C418" s="67" t="s">
        <v>469</v>
      </c>
      <c r="D418" s="48"/>
      <c r="E418" s="96"/>
      <c r="F418" s="97"/>
    </row>
    <row r="419" spans="2:6" s="2" customFormat="1" ht="114.75" customHeight="1" x14ac:dyDescent="0.25">
      <c r="B419" s="69" t="s">
        <v>72</v>
      </c>
      <c r="C419" s="67" t="s">
        <v>470</v>
      </c>
      <c r="D419" s="48"/>
      <c r="E419" s="96"/>
      <c r="F419" s="97"/>
    </row>
    <row r="420" spans="2:6" s="2" customFormat="1" ht="84.75" customHeight="1" x14ac:dyDescent="0.25">
      <c r="B420" s="69" t="s">
        <v>73</v>
      </c>
      <c r="C420" s="66" t="s">
        <v>471</v>
      </c>
      <c r="D420" s="48"/>
      <c r="E420" s="96"/>
      <c r="F420" s="97"/>
    </row>
    <row r="421" spans="2:6" s="2" customFormat="1" ht="107.25" customHeight="1" x14ac:dyDescent="0.25">
      <c r="B421" s="69" t="s">
        <v>74</v>
      </c>
      <c r="C421" s="66" t="s">
        <v>472</v>
      </c>
      <c r="D421" s="48"/>
      <c r="E421" s="96"/>
      <c r="F421" s="97"/>
    </row>
    <row r="422" spans="2:6" s="2" customFormat="1" ht="108.75" customHeight="1" x14ac:dyDescent="0.25">
      <c r="B422" s="69" t="s">
        <v>75</v>
      </c>
      <c r="C422" s="66" t="s">
        <v>473</v>
      </c>
      <c r="D422" s="48"/>
      <c r="E422" s="96"/>
      <c r="F422" s="97"/>
    </row>
    <row r="423" spans="2:6" s="2" customFormat="1" ht="84" customHeight="1" x14ac:dyDescent="0.25">
      <c r="B423" s="69" t="s">
        <v>76</v>
      </c>
      <c r="C423" s="77" t="s">
        <v>474</v>
      </c>
      <c r="D423" s="48"/>
      <c r="E423" s="96"/>
      <c r="F423" s="97"/>
    </row>
    <row r="424" spans="2:6" s="2" customFormat="1" ht="39.75" customHeight="1" x14ac:dyDescent="0.25">
      <c r="B424" s="71" t="s">
        <v>475</v>
      </c>
      <c r="C424" s="77" t="s">
        <v>476</v>
      </c>
      <c r="D424" s="48"/>
      <c r="E424" s="117"/>
      <c r="F424" s="118"/>
    </row>
    <row r="425" spans="2:6" s="2" customFormat="1" ht="50.25" customHeight="1" x14ac:dyDescent="0.25">
      <c r="B425" s="71" t="s">
        <v>477</v>
      </c>
      <c r="C425" s="77" t="s">
        <v>478</v>
      </c>
      <c r="D425" s="48"/>
      <c r="E425" s="117"/>
      <c r="F425" s="118"/>
    </row>
    <row r="426" spans="2:6" s="2" customFormat="1" ht="45" customHeight="1" x14ac:dyDescent="0.25">
      <c r="B426" s="71" t="s">
        <v>479</v>
      </c>
      <c r="C426" s="77" t="s">
        <v>480</v>
      </c>
      <c r="D426" s="48"/>
      <c r="E426" s="117"/>
      <c r="F426" s="118"/>
    </row>
    <row r="427" spans="2:6" s="2" customFormat="1" ht="57.75" customHeight="1" x14ac:dyDescent="0.25">
      <c r="B427" s="71" t="s">
        <v>481</v>
      </c>
      <c r="C427" s="77" t="s">
        <v>482</v>
      </c>
      <c r="D427" s="48"/>
      <c r="E427" s="117"/>
      <c r="F427" s="118"/>
    </row>
    <row r="428" spans="2:6" s="2" customFormat="1" ht="39.75" customHeight="1" x14ac:dyDescent="0.25">
      <c r="B428" s="71" t="s">
        <v>483</v>
      </c>
      <c r="C428" s="77" t="s">
        <v>484</v>
      </c>
      <c r="D428" s="48"/>
      <c r="E428" s="117"/>
      <c r="F428" s="118"/>
    </row>
    <row r="429" spans="2:6" s="2" customFormat="1" ht="63" customHeight="1" x14ac:dyDescent="0.25">
      <c r="B429" s="71" t="s">
        <v>485</v>
      </c>
      <c r="C429" s="77" t="s">
        <v>486</v>
      </c>
      <c r="D429" s="48"/>
      <c r="E429" s="117"/>
      <c r="F429" s="118"/>
    </row>
    <row r="430" spans="2:6" s="2" customFormat="1" ht="36.75" customHeight="1" x14ac:dyDescent="0.25">
      <c r="B430" s="71" t="s">
        <v>487</v>
      </c>
      <c r="C430" s="77" t="s">
        <v>93</v>
      </c>
      <c r="D430" s="48"/>
      <c r="E430" s="117"/>
      <c r="F430" s="118"/>
    </row>
    <row r="431" spans="2:6" s="2" customFormat="1" ht="42.75" customHeight="1" x14ac:dyDescent="0.25">
      <c r="B431" s="71" t="s">
        <v>488</v>
      </c>
      <c r="C431" s="77" t="s">
        <v>489</v>
      </c>
      <c r="D431" s="48"/>
      <c r="E431" s="117"/>
      <c r="F431" s="118"/>
    </row>
    <row r="432" spans="2:6" s="2" customFormat="1" ht="48.75" customHeight="1" x14ac:dyDescent="0.25">
      <c r="B432" s="71" t="s">
        <v>490</v>
      </c>
      <c r="C432" s="77" t="s">
        <v>491</v>
      </c>
      <c r="D432" s="48"/>
      <c r="E432" s="117"/>
      <c r="F432" s="118"/>
    </row>
    <row r="433" spans="2:6" s="2" customFormat="1" ht="46.5" customHeight="1" x14ac:dyDescent="0.25">
      <c r="B433" s="71" t="s">
        <v>492</v>
      </c>
      <c r="C433" s="78" t="s">
        <v>855</v>
      </c>
      <c r="D433" s="48"/>
      <c r="E433" s="117"/>
      <c r="F433" s="118"/>
    </row>
    <row r="434" spans="2:6" s="2" customFormat="1" ht="35.25" customHeight="1" x14ac:dyDescent="0.25">
      <c r="B434" s="79" t="s">
        <v>77</v>
      </c>
      <c r="C434" s="66" t="s">
        <v>493</v>
      </c>
      <c r="D434" s="48"/>
      <c r="E434" s="117"/>
      <c r="F434" s="118"/>
    </row>
    <row r="435" spans="2:6" s="2" customFormat="1" ht="33" customHeight="1" x14ac:dyDescent="0.25">
      <c r="B435" s="71" t="s">
        <v>494</v>
      </c>
      <c r="C435" s="66" t="s">
        <v>495</v>
      </c>
      <c r="D435" s="48"/>
      <c r="E435" s="117"/>
      <c r="F435" s="118"/>
    </row>
    <row r="436" spans="2:6" s="2" customFormat="1" ht="48" customHeight="1" x14ac:dyDescent="0.25">
      <c r="B436" s="71" t="s">
        <v>496</v>
      </c>
      <c r="C436" s="66" t="s">
        <v>497</v>
      </c>
      <c r="D436" s="48"/>
      <c r="E436" s="117"/>
      <c r="F436" s="118"/>
    </row>
    <row r="437" spans="2:6" s="2" customFormat="1" ht="131.25" customHeight="1" x14ac:dyDescent="0.25">
      <c r="B437" s="71" t="s">
        <v>498</v>
      </c>
      <c r="C437" s="66" t="s">
        <v>499</v>
      </c>
      <c r="D437" s="48"/>
      <c r="E437" s="117"/>
      <c r="F437" s="118"/>
    </row>
    <row r="438" spans="2:6" s="2" customFormat="1" ht="97.5" customHeight="1" x14ac:dyDescent="0.25">
      <c r="B438" s="71" t="s">
        <v>500</v>
      </c>
      <c r="C438" s="66" t="s">
        <v>501</v>
      </c>
      <c r="D438" s="48"/>
      <c r="E438" s="117"/>
      <c r="F438" s="118"/>
    </row>
    <row r="439" spans="2:6" s="2" customFormat="1" ht="100.5" customHeight="1" x14ac:dyDescent="0.25">
      <c r="B439" s="71" t="s">
        <v>502</v>
      </c>
      <c r="C439" s="66" t="s">
        <v>503</v>
      </c>
      <c r="D439" s="48"/>
      <c r="E439" s="117"/>
      <c r="F439" s="118"/>
    </row>
    <row r="440" spans="2:6" s="2" customFormat="1" ht="79.5" customHeight="1" x14ac:dyDescent="0.25">
      <c r="B440" s="72" t="s">
        <v>504</v>
      </c>
      <c r="C440" s="66" t="s">
        <v>505</v>
      </c>
      <c r="D440" s="48"/>
      <c r="E440" s="117"/>
      <c r="F440" s="118"/>
    </row>
    <row r="441" spans="2:6" s="2" customFormat="1" ht="72.75" customHeight="1" x14ac:dyDescent="0.25">
      <c r="B441" s="69" t="s">
        <v>78</v>
      </c>
      <c r="C441" s="66" t="s">
        <v>506</v>
      </c>
      <c r="D441" s="48"/>
      <c r="E441" s="117"/>
      <c r="F441" s="118"/>
    </row>
    <row r="442" spans="2:6" s="2" customFormat="1" ht="60" customHeight="1" x14ac:dyDescent="0.25">
      <c r="B442" s="71" t="s">
        <v>507</v>
      </c>
      <c r="C442" s="66" t="s">
        <v>508</v>
      </c>
      <c r="D442" s="48"/>
      <c r="E442" s="117"/>
      <c r="F442" s="118"/>
    </row>
    <row r="443" spans="2:6" s="2" customFormat="1" ht="48.75" customHeight="1" x14ac:dyDescent="0.25">
      <c r="B443" s="72" t="s">
        <v>509</v>
      </c>
      <c r="C443" s="66" t="s">
        <v>510</v>
      </c>
      <c r="D443" s="48"/>
      <c r="E443" s="117"/>
      <c r="F443" s="118"/>
    </row>
    <row r="444" spans="2:6" s="2" customFormat="1" ht="131.25" customHeight="1" x14ac:dyDescent="0.25">
      <c r="B444" s="69" t="s">
        <v>79</v>
      </c>
      <c r="C444" s="66" t="s">
        <v>511</v>
      </c>
      <c r="D444" s="48"/>
      <c r="E444" s="117"/>
      <c r="F444" s="118"/>
    </row>
    <row r="445" spans="2:6" s="2" customFormat="1" ht="117" customHeight="1" x14ac:dyDescent="0.25">
      <c r="B445" s="69" t="s">
        <v>80</v>
      </c>
      <c r="C445" s="66" t="s">
        <v>512</v>
      </c>
      <c r="D445" s="48"/>
      <c r="E445" s="117"/>
      <c r="F445" s="118"/>
    </row>
    <row r="446" spans="2:6" s="2" customFormat="1" ht="66.75" customHeight="1" x14ac:dyDescent="0.25">
      <c r="B446" s="69" t="s">
        <v>81</v>
      </c>
      <c r="C446" s="66" t="s">
        <v>513</v>
      </c>
      <c r="D446" s="48"/>
      <c r="E446" s="117"/>
      <c r="F446" s="118"/>
    </row>
    <row r="447" spans="2:6" s="2" customFormat="1" ht="85.5" customHeight="1" x14ac:dyDescent="0.25">
      <c r="B447" s="69" t="s">
        <v>83</v>
      </c>
      <c r="C447" s="66" t="s">
        <v>514</v>
      </c>
      <c r="D447" s="48"/>
      <c r="E447" s="117"/>
      <c r="F447" s="118"/>
    </row>
    <row r="448" spans="2:6" s="2" customFormat="1" ht="189.75" customHeight="1" x14ac:dyDescent="0.25">
      <c r="B448" s="69" t="s">
        <v>84</v>
      </c>
      <c r="C448" s="66" t="s">
        <v>515</v>
      </c>
      <c r="D448" s="48"/>
      <c r="E448" s="117"/>
      <c r="F448" s="118"/>
    </row>
    <row r="449" spans="2:7" s="2" customFormat="1" ht="226.5" customHeight="1" x14ac:dyDescent="0.25">
      <c r="B449" s="69" t="s">
        <v>85</v>
      </c>
      <c r="C449" s="66" t="s">
        <v>516</v>
      </c>
      <c r="D449" s="48"/>
      <c r="E449" s="117"/>
      <c r="F449" s="118"/>
    </row>
    <row r="450" spans="2:7" s="2" customFormat="1" ht="121.5" customHeight="1" x14ac:dyDescent="0.25">
      <c r="B450" s="69" t="s">
        <v>86</v>
      </c>
      <c r="C450" s="66" t="s">
        <v>517</v>
      </c>
      <c r="D450" s="48"/>
      <c r="E450" s="117"/>
      <c r="F450" s="118"/>
    </row>
    <row r="451" spans="2:7" s="2" customFormat="1" ht="58.5" customHeight="1" x14ac:dyDescent="0.25">
      <c r="B451" s="69" t="s">
        <v>87</v>
      </c>
      <c r="C451" s="66" t="s">
        <v>518</v>
      </c>
      <c r="D451" s="48"/>
      <c r="E451" s="117"/>
      <c r="F451" s="118"/>
    </row>
    <row r="452" spans="2:7" s="2" customFormat="1" ht="30" customHeight="1" x14ac:dyDescent="0.25">
      <c r="B452" s="91" t="s">
        <v>858</v>
      </c>
      <c r="C452" s="92"/>
      <c r="D452" s="92"/>
      <c r="E452" s="92"/>
      <c r="F452" s="93"/>
    </row>
    <row r="453" spans="2:7" s="2" customFormat="1" ht="30" customHeight="1" thickBot="1" x14ac:dyDescent="0.3">
      <c r="B453" s="74" t="s">
        <v>16</v>
      </c>
      <c r="C453" s="73" t="s">
        <v>859</v>
      </c>
      <c r="D453" s="49"/>
      <c r="E453" s="119"/>
      <c r="F453" s="120"/>
    </row>
    <row r="454" spans="2:7" s="3" customFormat="1" ht="5.0999999999999996" customHeight="1" x14ac:dyDescent="0.25">
      <c r="B454" s="5"/>
      <c r="C454" s="5"/>
      <c r="D454" s="7"/>
      <c r="E454" s="7"/>
      <c r="F454" s="26"/>
      <c r="G454" s="2"/>
    </row>
    <row r="455" spans="2:7" s="2" customFormat="1" ht="20.100000000000001" customHeight="1" x14ac:dyDescent="0.25">
      <c r="B455" s="105" t="s">
        <v>54</v>
      </c>
      <c r="C455" s="105"/>
      <c r="D455" s="105"/>
      <c r="E455" s="105"/>
      <c r="F455" s="105"/>
    </row>
    <row r="456" spans="2:7" s="2" customFormat="1" ht="4.5" customHeight="1" thickBot="1" x14ac:dyDescent="0.3"/>
    <row r="457" spans="2:7" s="2" customFormat="1" ht="80.25" customHeight="1" x14ac:dyDescent="0.25">
      <c r="B457" s="121" t="s">
        <v>55</v>
      </c>
      <c r="C457" s="122"/>
      <c r="D457" s="109" t="s">
        <v>56</v>
      </c>
      <c r="E457" s="110"/>
      <c r="F457" s="111"/>
    </row>
    <row r="458" spans="2:7" s="3" customFormat="1" ht="29.25" customHeight="1" thickBot="1" x14ac:dyDescent="0.3">
      <c r="B458" s="123"/>
      <c r="C458" s="124"/>
      <c r="D458" s="24" t="s">
        <v>7</v>
      </c>
      <c r="E458" s="125" t="s">
        <v>32</v>
      </c>
      <c r="F458" s="126"/>
      <c r="G458" s="2"/>
    </row>
    <row r="459" spans="2:7" s="3" customFormat="1" ht="117" customHeight="1" x14ac:dyDescent="0.25">
      <c r="B459" s="50" t="s">
        <v>16</v>
      </c>
      <c r="C459" s="85" t="s">
        <v>453</v>
      </c>
      <c r="D459" s="51"/>
      <c r="E459" s="100"/>
      <c r="F459" s="101"/>
      <c r="G459" s="2"/>
    </row>
    <row r="460" spans="2:7" s="3" customFormat="1" ht="70.5" customHeight="1" x14ac:dyDescent="0.25">
      <c r="B460" s="87" t="s">
        <v>57</v>
      </c>
      <c r="C460" s="86" t="s">
        <v>856</v>
      </c>
      <c r="D460" s="88"/>
      <c r="E460" s="89"/>
      <c r="F460" s="90"/>
      <c r="G460" s="2"/>
    </row>
    <row r="461" spans="2:7" s="3" customFormat="1" ht="47.25" customHeight="1" thickBot="1" x14ac:dyDescent="0.3">
      <c r="B461" s="52" t="s">
        <v>58</v>
      </c>
      <c r="C461" s="54" t="s">
        <v>857</v>
      </c>
      <c r="D461" s="53"/>
      <c r="E461" s="119"/>
      <c r="F461" s="120"/>
      <c r="G461" s="2"/>
    </row>
    <row r="462" spans="2:7" s="2" customFormat="1" ht="5.0999999999999996" customHeight="1" x14ac:dyDescent="0.25">
      <c r="B462" s="5"/>
      <c r="C462" s="5"/>
      <c r="D462" s="7"/>
      <c r="E462" s="7"/>
      <c r="F462" s="26"/>
    </row>
    <row r="463" spans="2:7" s="2" customFormat="1" ht="20.100000000000001" customHeight="1" x14ac:dyDescent="0.25">
      <c r="B463" s="105" t="s">
        <v>15</v>
      </c>
      <c r="C463" s="105"/>
      <c r="D463" s="105"/>
      <c r="E463" s="105"/>
      <c r="F463" s="105"/>
    </row>
    <row r="464" spans="2:7" s="3" customFormat="1" ht="30" customHeight="1" x14ac:dyDescent="0.25">
      <c r="B464" s="5" t="s">
        <v>17</v>
      </c>
      <c r="C464" s="135" t="s">
        <v>82</v>
      </c>
      <c r="D464" s="135"/>
      <c r="E464" s="135"/>
      <c r="F464" s="135"/>
      <c r="G464" s="2"/>
    </row>
    <row r="465" spans="2:7" s="28" customFormat="1" ht="30" customHeight="1" x14ac:dyDescent="0.25">
      <c r="B465" s="5" t="s">
        <v>33</v>
      </c>
      <c r="C465" s="135" t="s">
        <v>34</v>
      </c>
      <c r="D465" s="135"/>
      <c r="E465" s="135"/>
      <c r="F465" s="135"/>
      <c r="G465" s="2"/>
    </row>
    <row r="466" spans="2:7" s="28" customFormat="1" ht="30" customHeight="1" x14ac:dyDescent="0.25">
      <c r="B466" s="5" t="s">
        <v>451</v>
      </c>
      <c r="C466" s="57" t="s">
        <v>452</v>
      </c>
      <c r="D466" s="57"/>
      <c r="E466" s="57"/>
      <c r="F466" s="57"/>
      <c r="G466" s="2"/>
    </row>
    <row r="467" spans="2:7" s="28" customFormat="1" ht="30" customHeight="1" x14ac:dyDescent="0.25">
      <c r="B467" s="136" t="s">
        <v>35</v>
      </c>
      <c r="C467" s="136"/>
      <c r="D467" s="136"/>
      <c r="E467" s="136"/>
      <c r="F467" s="3"/>
      <c r="G467" s="2"/>
    </row>
    <row r="468" spans="2:7" s="2" customFormat="1" ht="24.95" customHeight="1" x14ac:dyDescent="0.25">
      <c r="B468" s="27" t="s">
        <v>36</v>
      </c>
      <c r="C468" s="133"/>
      <c r="D468" s="133"/>
      <c r="F468" s="28"/>
    </row>
    <row r="469" spans="2:7" s="2" customFormat="1" ht="24.95" customHeight="1" x14ac:dyDescent="0.25">
      <c r="B469" s="27" t="s">
        <v>37</v>
      </c>
      <c r="C469" s="133"/>
      <c r="D469" s="133"/>
      <c r="F469" s="28"/>
    </row>
    <row r="470" spans="2:7" s="2" customFormat="1" ht="24.95" customHeight="1" x14ac:dyDescent="0.25">
      <c r="B470" s="27" t="s">
        <v>38</v>
      </c>
      <c r="C470" s="133"/>
      <c r="D470" s="133"/>
      <c r="F470" s="28"/>
    </row>
    <row r="471" spans="2:7" s="3" customFormat="1" ht="24.95" customHeight="1" x14ac:dyDescent="0.25">
      <c r="B471" s="27" t="s">
        <v>39</v>
      </c>
      <c r="C471" s="133"/>
      <c r="D471" s="133"/>
      <c r="E471" s="2"/>
      <c r="F471" s="29"/>
      <c r="G471" s="2"/>
    </row>
    <row r="472" spans="2:7" s="2" customFormat="1" ht="14.25" customHeight="1" x14ac:dyDescent="0.2">
      <c r="B472" s="11"/>
      <c r="C472" s="12"/>
      <c r="D472" s="12"/>
      <c r="F472" s="30"/>
    </row>
    <row r="473" spans="2:7" s="3" customFormat="1" ht="15" customHeight="1" x14ac:dyDescent="0.25">
      <c r="B473" s="137" t="s">
        <v>40</v>
      </c>
      <c r="C473" s="137"/>
      <c r="D473" s="137"/>
      <c r="E473" s="137"/>
      <c r="F473" s="137"/>
    </row>
    <row r="474" spans="2:7" s="2" customFormat="1" ht="36.75" customHeight="1" x14ac:dyDescent="0.25">
      <c r="B474" s="134" t="s">
        <v>51</v>
      </c>
      <c r="C474" s="134"/>
      <c r="D474" s="134"/>
      <c r="E474" s="134"/>
      <c r="F474" s="134"/>
    </row>
    <row r="475" spans="2:7" s="2" customFormat="1" ht="20.100000000000001" customHeight="1" x14ac:dyDescent="0.2">
      <c r="B475" s="1"/>
      <c r="C475" s="1"/>
      <c r="D475" s="8"/>
      <c r="E475" s="8"/>
    </row>
    <row r="476" spans="2:7" s="3" customFormat="1" ht="4.5" customHeight="1" x14ac:dyDescent="0.2">
      <c r="B476" s="1"/>
      <c r="C476" s="1"/>
      <c r="D476" s="8"/>
      <c r="E476" s="8"/>
      <c r="F476" s="2"/>
    </row>
    <row r="477" spans="2:7" s="3" customFormat="1" ht="20.100000000000001" customHeight="1" x14ac:dyDescent="0.25">
      <c r="B477" s="31" t="s">
        <v>41</v>
      </c>
      <c r="C477" s="32"/>
      <c r="D477" s="33" t="s">
        <v>42</v>
      </c>
      <c r="E477" s="131"/>
      <c r="F477" s="131"/>
    </row>
    <row r="478" spans="2:7" s="3" customFormat="1" ht="20.100000000000001" customHeight="1" x14ac:dyDescent="0.25">
      <c r="B478" s="34"/>
      <c r="C478" s="34"/>
      <c r="D478" s="34"/>
      <c r="E478" s="35"/>
      <c r="F478" s="35"/>
    </row>
    <row r="479" spans="2:7" ht="20.100000000000001" customHeight="1" x14ac:dyDescent="0.2">
      <c r="B479" s="31" t="s">
        <v>43</v>
      </c>
      <c r="C479" s="32"/>
      <c r="D479" s="36" t="s">
        <v>44</v>
      </c>
      <c r="E479" s="132"/>
      <c r="F479" s="132"/>
    </row>
    <row r="480" spans="2:7" s="2" customFormat="1" ht="20.100000000000001" customHeight="1" x14ac:dyDescent="0.2">
      <c r="B480" s="1"/>
      <c r="C480" s="1"/>
      <c r="D480" s="36" t="s">
        <v>45</v>
      </c>
      <c r="E480" s="133"/>
      <c r="F480" s="133"/>
    </row>
    <row r="481" spans="2:5" s="2" customFormat="1" ht="20.100000000000001" customHeight="1" x14ac:dyDescent="0.2">
      <c r="B481" s="1"/>
      <c r="C481" s="1"/>
      <c r="D481" s="37" t="s">
        <v>46</v>
      </c>
      <c r="E481" s="1"/>
    </row>
    <row r="482" spans="2:5" s="2" customFormat="1" ht="37.5" customHeight="1" x14ac:dyDescent="0.25"/>
    <row r="483" spans="2:5" s="2" customFormat="1" ht="24" customHeight="1" x14ac:dyDescent="0.25"/>
    <row r="484" spans="2:5" s="2" customFormat="1" ht="24" customHeight="1" x14ac:dyDescent="0.25"/>
    <row r="485" spans="2:5" s="2" customFormat="1" ht="24" customHeight="1" x14ac:dyDescent="0.25"/>
    <row r="486" spans="2:5" s="2" customFormat="1" ht="20.100000000000001" customHeight="1" x14ac:dyDescent="0.25"/>
    <row r="487" spans="2:5" s="2" customFormat="1" ht="20.100000000000001" customHeight="1" x14ac:dyDescent="0.25"/>
    <row r="488" spans="2:5" s="2" customFormat="1" ht="50.1" customHeight="1" x14ac:dyDescent="0.25"/>
    <row r="489" spans="2:5" s="2" customFormat="1" ht="43.5" customHeight="1" x14ac:dyDescent="0.25"/>
    <row r="490" spans="2:5" ht="24.75" customHeight="1" x14ac:dyDescent="0.2">
      <c r="B490" s="2"/>
      <c r="C490" s="2"/>
      <c r="D490" s="2"/>
      <c r="E490" s="2"/>
    </row>
    <row r="491" spans="2:5" x14ac:dyDescent="0.2">
      <c r="B491" s="2"/>
      <c r="C491" s="2"/>
      <c r="D491" s="2"/>
      <c r="E491" s="2"/>
    </row>
    <row r="492" spans="2:5" ht="20.100000000000001" customHeight="1" x14ac:dyDescent="0.2"/>
    <row r="493" spans="2:5" ht="4.5" customHeight="1" x14ac:dyDescent="0.2"/>
    <row r="494" spans="2:5" ht="20.100000000000001" customHeight="1" x14ac:dyDescent="0.2"/>
    <row r="495" spans="2:5" ht="20.100000000000001" customHeight="1" x14ac:dyDescent="0.2"/>
    <row r="496" spans="2:5" ht="20.100000000000001" customHeight="1" x14ac:dyDescent="0.2"/>
  </sheetData>
  <mergeCells count="460">
    <mergeCell ref="E453:F453"/>
    <mergeCell ref="B452:F452"/>
    <mergeCell ref="E56:F56"/>
    <mergeCell ref="E57:F57"/>
    <mergeCell ref="E58:F58"/>
    <mergeCell ref="E59:F59"/>
    <mergeCell ref="E60:F60"/>
    <mergeCell ref="E61:F61"/>
    <mergeCell ref="B3:F3"/>
    <mergeCell ref="B7:F7"/>
    <mergeCell ref="B8:F8"/>
    <mergeCell ref="B9:F9"/>
    <mergeCell ref="B11:F11"/>
    <mergeCell ref="B12:D12"/>
    <mergeCell ref="B26:F26"/>
    <mergeCell ref="C31:D31"/>
    <mergeCell ref="B41:C41"/>
    <mergeCell ref="C39:D39"/>
    <mergeCell ref="B45:F45"/>
    <mergeCell ref="B47:C48"/>
    <mergeCell ref="B17:D17"/>
    <mergeCell ref="B21:D21"/>
    <mergeCell ref="B22:F22"/>
    <mergeCell ref="C36:D36"/>
    <mergeCell ref="C37:D37"/>
    <mergeCell ref="C38:D38"/>
    <mergeCell ref="E477:F477"/>
    <mergeCell ref="E479:F479"/>
    <mergeCell ref="E480:F480"/>
    <mergeCell ref="B474:F474"/>
    <mergeCell ref="B463:F463"/>
    <mergeCell ref="C464:F464"/>
    <mergeCell ref="C465:F465"/>
    <mergeCell ref="B467:E467"/>
    <mergeCell ref="B473:F473"/>
    <mergeCell ref="C468:D468"/>
    <mergeCell ref="C469:D469"/>
    <mergeCell ref="C470:D470"/>
    <mergeCell ref="C471:D471"/>
    <mergeCell ref="E461:F461"/>
    <mergeCell ref="B455:F455"/>
    <mergeCell ref="B457:C458"/>
    <mergeCell ref="D457:F457"/>
    <mergeCell ref="E458:F458"/>
    <mergeCell ref="B2:F2"/>
    <mergeCell ref="B1:F1"/>
    <mergeCell ref="B27:C27"/>
    <mergeCell ref="B30:C30"/>
    <mergeCell ref="E459:F459"/>
    <mergeCell ref="E425:F425"/>
    <mergeCell ref="E426:F426"/>
    <mergeCell ref="E435:F435"/>
    <mergeCell ref="E436:F436"/>
    <mergeCell ref="E437:F437"/>
    <mergeCell ref="E438:F438"/>
    <mergeCell ref="E439:F439"/>
    <mergeCell ref="E424:F424"/>
    <mergeCell ref="B392:F392"/>
    <mergeCell ref="B394:C395"/>
    <mergeCell ref="D394:F394"/>
    <mergeCell ref="E395:F395"/>
    <mergeCell ref="E433:F433"/>
    <mergeCell ref="E434:F434"/>
    <mergeCell ref="E423:F423"/>
    <mergeCell ref="E441:F441"/>
    <mergeCell ref="E442:F442"/>
    <mergeCell ref="E443:F443"/>
    <mergeCell ref="E448:F448"/>
    <mergeCell ref="E449:F449"/>
    <mergeCell ref="E450:F450"/>
    <mergeCell ref="E451:F451"/>
    <mergeCell ref="E444:F444"/>
    <mergeCell ref="E445:F445"/>
    <mergeCell ref="E446:F446"/>
    <mergeCell ref="E447:F447"/>
    <mergeCell ref="E427:F427"/>
    <mergeCell ref="E428:F428"/>
    <mergeCell ref="E429:F429"/>
    <mergeCell ref="E430:F430"/>
    <mergeCell ref="E431:F431"/>
    <mergeCell ref="E432:F432"/>
    <mergeCell ref="E440:F440"/>
    <mergeCell ref="E51:F51"/>
    <mergeCell ref="E52:F52"/>
    <mergeCell ref="E53:F53"/>
    <mergeCell ref="E54:F54"/>
    <mergeCell ref="E55:F55"/>
    <mergeCell ref="B13:D13"/>
    <mergeCell ref="B14:D14"/>
    <mergeCell ref="B15:D15"/>
    <mergeCell ref="B16:F16"/>
    <mergeCell ref="C32:D32"/>
    <mergeCell ref="C33:D33"/>
    <mergeCell ref="C34:D34"/>
    <mergeCell ref="C35:D35"/>
    <mergeCell ref="B25:F25"/>
    <mergeCell ref="B20:D20"/>
    <mergeCell ref="B23:F23"/>
    <mergeCell ref="B24:D24"/>
    <mergeCell ref="D47:F47"/>
    <mergeCell ref="E48:F48"/>
    <mergeCell ref="E50:F50"/>
    <mergeCell ref="B49:F49"/>
    <mergeCell ref="E63:F63"/>
    <mergeCell ref="E64:F64"/>
    <mergeCell ref="E65:F65"/>
    <mergeCell ref="E66:F66"/>
    <mergeCell ref="E67:F67"/>
    <mergeCell ref="E68:F68"/>
    <mergeCell ref="E69:F69"/>
    <mergeCell ref="E70:F70"/>
    <mergeCell ref="E71:F71"/>
    <mergeCell ref="E72:F72"/>
    <mergeCell ref="E73:F73"/>
    <mergeCell ref="E74:F74"/>
    <mergeCell ref="E75:F75"/>
    <mergeCell ref="E76:F76"/>
    <mergeCell ref="E77:F77"/>
    <mergeCell ref="E78:F78"/>
    <mergeCell ref="E79:F79"/>
    <mergeCell ref="E80:F80"/>
    <mergeCell ref="E81:F81"/>
    <mergeCell ref="E82:F82"/>
    <mergeCell ref="E83:F83"/>
    <mergeCell ref="E84:F84"/>
    <mergeCell ref="E85:F85"/>
    <mergeCell ref="E86:F86"/>
    <mergeCell ref="E87:F87"/>
    <mergeCell ref="E88:F88"/>
    <mergeCell ref="E89:F89"/>
    <mergeCell ref="E90:F90"/>
    <mergeCell ref="E91:F91"/>
    <mergeCell ref="E92:F92"/>
    <mergeCell ref="E93:F93"/>
    <mergeCell ref="E94:F94"/>
    <mergeCell ref="E95:F95"/>
    <mergeCell ref="E96:F96"/>
    <mergeCell ref="E97:F97"/>
    <mergeCell ref="E98:F98"/>
    <mergeCell ref="E99:F99"/>
    <mergeCell ref="E100:F100"/>
    <mergeCell ref="E101:F101"/>
    <mergeCell ref="E102:F102"/>
    <mergeCell ref="E103:F103"/>
    <mergeCell ref="E104:F104"/>
    <mergeCell ref="E105:F105"/>
    <mergeCell ref="E106:F106"/>
    <mergeCell ref="E107:F107"/>
    <mergeCell ref="E108:F108"/>
    <mergeCell ref="E109:F109"/>
    <mergeCell ref="E110:F110"/>
    <mergeCell ref="E111:F111"/>
    <mergeCell ref="E112:F112"/>
    <mergeCell ref="E113:F113"/>
    <mergeCell ref="E114:F114"/>
    <mergeCell ref="E115:F115"/>
    <mergeCell ref="E116:F116"/>
    <mergeCell ref="E117:F117"/>
    <mergeCell ref="E118:F118"/>
    <mergeCell ref="E119:F119"/>
    <mergeCell ref="E120:F120"/>
    <mergeCell ref="E121:F121"/>
    <mergeCell ref="E122:F122"/>
    <mergeCell ref="E123:F123"/>
    <mergeCell ref="E124:F124"/>
    <mergeCell ref="E125:F125"/>
    <mergeCell ref="E144:F144"/>
    <mergeCell ref="E145:F145"/>
    <mergeCell ref="E146:F146"/>
    <mergeCell ref="E147:F147"/>
    <mergeCell ref="E148:F148"/>
    <mergeCell ref="E150:F150"/>
    <mergeCell ref="E151:F151"/>
    <mergeCell ref="E152:F152"/>
    <mergeCell ref="E126:F126"/>
    <mergeCell ref="E128:F128"/>
    <mergeCell ref="E129:F129"/>
    <mergeCell ref="E130:F130"/>
    <mergeCell ref="E131:F131"/>
    <mergeCell ref="E132:F132"/>
    <mergeCell ref="E142:F142"/>
    <mergeCell ref="E143:F143"/>
    <mergeCell ref="E134:F134"/>
    <mergeCell ref="E135:F135"/>
    <mergeCell ref="E136:F136"/>
    <mergeCell ref="E137:F137"/>
    <mergeCell ref="E138:F138"/>
    <mergeCell ref="E139:F139"/>
    <mergeCell ref="E140:F140"/>
    <mergeCell ref="E141:F141"/>
    <mergeCell ref="E153:F153"/>
    <mergeCell ref="E154:F154"/>
    <mergeCell ref="E155:F155"/>
    <mergeCell ref="E156:F156"/>
    <mergeCell ref="E157:F157"/>
    <mergeCell ref="E158:F158"/>
    <mergeCell ref="E159:F159"/>
    <mergeCell ref="E160:F160"/>
    <mergeCell ref="E161:F161"/>
    <mergeCell ref="E171:F171"/>
    <mergeCell ref="E172:F172"/>
    <mergeCell ref="E174:F174"/>
    <mergeCell ref="E175:F175"/>
    <mergeCell ref="E176:F176"/>
    <mergeCell ref="E177:F177"/>
    <mergeCell ref="E178:F178"/>
    <mergeCell ref="E179:F179"/>
    <mergeCell ref="E162:F162"/>
    <mergeCell ref="E163:F163"/>
    <mergeCell ref="E165:F165"/>
    <mergeCell ref="E166:F166"/>
    <mergeCell ref="E167:F167"/>
    <mergeCell ref="E168:F168"/>
    <mergeCell ref="E169:F169"/>
    <mergeCell ref="E170:F170"/>
    <mergeCell ref="E180:F180"/>
    <mergeCell ref="E181:F181"/>
    <mergeCell ref="E182:F182"/>
    <mergeCell ref="E183:F183"/>
    <mergeCell ref="E184:F184"/>
    <mergeCell ref="E185:F185"/>
    <mergeCell ref="E186:F186"/>
    <mergeCell ref="E187:F187"/>
    <mergeCell ref="E188:F188"/>
    <mergeCell ref="E189:F189"/>
    <mergeCell ref="E190:F190"/>
    <mergeCell ref="E191:F191"/>
    <mergeCell ref="E192:F192"/>
    <mergeCell ref="E193:F193"/>
    <mergeCell ref="E194:F194"/>
    <mergeCell ref="E195:F195"/>
    <mergeCell ref="E196:F196"/>
    <mergeCell ref="E197:F197"/>
    <mergeCell ref="E198:F198"/>
    <mergeCell ref="E199:F199"/>
    <mergeCell ref="E200:F200"/>
    <mergeCell ref="E201:F201"/>
    <mergeCell ref="E202:F202"/>
    <mergeCell ref="E203:F203"/>
    <mergeCell ref="E204:F204"/>
    <mergeCell ref="E205:F205"/>
    <mergeCell ref="E206:F206"/>
    <mergeCell ref="E207:F207"/>
    <mergeCell ref="E208:F208"/>
    <mergeCell ref="E209:F209"/>
    <mergeCell ref="E210:F210"/>
    <mergeCell ref="E211:F211"/>
    <mergeCell ref="E212:F212"/>
    <mergeCell ref="E213:F213"/>
    <mergeCell ref="E214:F214"/>
    <mergeCell ref="E215:F215"/>
    <mergeCell ref="E216:F216"/>
    <mergeCell ref="E217:F217"/>
    <mergeCell ref="E218:F218"/>
    <mergeCell ref="E219:F219"/>
    <mergeCell ref="E220:F220"/>
    <mergeCell ref="E221:F221"/>
    <mergeCell ref="E222:F222"/>
    <mergeCell ref="E223:F223"/>
    <mergeCell ref="E224:F224"/>
    <mergeCell ref="E225:F225"/>
    <mergeCell ref="E226:F226"/>
    <mergeCell ref="E227:F227"/>
    <mergeCell ref="E228:F228"/>
    <mergeCell ref="E229:F229"/>
    <mergeCell ref="E230:F230"/>
    <mergeCell ref="E231:F231"/>
    <mergeCell ref="E232:F232"/>
    <mergeCell ref="E233:F233"/>
    <mergeCell ref="E243:F243"/>
    <mergeCell ref="E244:F244"/>
    <mergeCell ref="E245:F245"/>
    <mergeCell ref="E246:F246"/>
    <mergeCell ref="E247:F247"/>
    <mergeCell ref="E248:F248"/>
    <mergeCell ref="E249:F249"/>
    <mergeCell ref="E251:F251"/>
    <mergeCell ref="E234:F234"/>
    <mergeCell ref="E235:F235"/>
    <mergeCell ref="E236:F236"/>
    <mergeCell ref="E237:F237"/>
    <mergeCell ref="E238:F238"/>
    <mergeCell ref="E239:F239"/>
    <mergeCell ref="E240:F240"/>
    <mergeCell ref="E241:F241"/>
    <mergeCell ref="E242:F242"/>
    <mergeCell ref="E252:F252"/>
    <mergeCell ref="E253:F253"/>
    <mergeCell ref="E254:F254"/>
    <mergeCell ref="E255:F255"/>
    <mergeCell ref="E256:F256"/>
    <mergeCell ref="E257:F257"/>
    <mergeCell ref="E258:F258"/>
    <mergeCell ref="E259:F259"/>
    <mergeCell ref="E260:F260"/>
    <mergeCell ref="E277:F277"/>
    <mergeCell ref="E278:F278"/>
    <mergeCell ref="E261:F261"/>
    <mergeCell ref="E262:F262"/>
    <mergeCell ref="E263:F263"/>
    <mergeCell ref="E264:F264"/>
    <mergeCell ref="E265:F265"/>
    <mergeCell ref="E266:F266"/>
    <mergeCell ref="E267:F267"/>
    <mergeCell ref="E268:F268"/>
    <mergeCell ref="E269:F269"/>
    <mergeCell ref="E298:F298"/>
    <mergeCell ref="E299:F299"/>
    <mergeCell ref="E300:F300"/>
    <mergeCell ref="E286:F286"/>
    <mergeCell ref="E287:F287"/>
    <mergeCell ref="E288:F288"/>
    <mergeCell ref="E289:F289"/>
    <mergeCell ref="E290:F290"/>
    <mergeCell ref="E291:F291"/>
    <mergeCell ref="E292:F292"/>
    <mergeCell ref="E293:F293"/>
    <mergeCell ref="E294:F294"/>
    <mergeCell ref="E301:F301"/>
    <mergeCell ref="E302:F302"/>
    <mergeCell ref="E303:F303"/>
    <mergeCell ref="E304:F304"/>
    <mergeCell ref="E305:F305"/>
    <mergeCell ref="E306:F306"/>
    <mergeCell ref="E307:F307"/>
    <mergeCell ref="E308:F308"/>
    <mergeCell ref="E309:F309"/>
    <mergeCell ref="E310:F310"/>
    <mergeCell ref="E311:F311"/>
    <mergeCell ref="E312:F312"/>
    <mergeCell ref="E313:F313"/>
    <mergeCell ref="E314:F314"/>
    <mergeCell ref="E315:F315"/>
    <mergeCell ref="E316:F316"/>
    <mergeCell ref="E317:F317"/>
    <mergeCell ref="E318:F318"/>
    <mergeCell ref="E319:F319"/>
    <mergeCell ref="E320:F320"/>
    <mergeCell ref="E321:F321"/>
    <mergeCell ref="E322:F322"/>
    <mergeCell ref="E323:F323"/>
    <mergeCell ref="E324:F324"/>
    <mergeCell ref="E325:F325"/>
    <mergeCell ref="E326:F326"/>
    <mergeCell ref="E327:F327"/>
    <mergeCell ref="E328:F328"/>
    <mergeCell ref="E329:F329"/>
    <mergeCell ref="E330:F330"/>
    <mergeCell ref="E331:F331"/>
    <mergeCell ref="E332:F332"/>
    <mergeCell ref="E333:F333"/>
    <mergeCell ref="E334:F334"/>
    <mergeCell ref="E335:F335"/>
    <mergeCell ref="E336:F336"/>
    <mergeCell ref="E337:F337"/>
    <mergeCell ref="E338:F338"/>
    <mergeCell ref="E339:F339"/>
    <mergeCell ref="E340:F340"/>
    <mergeCell ref="E341:F341"/>
    <mergeCell ref="E342:F342"/>
    <mergeCell ref="E343:F343"/>
    <mergeCell ref="E344:F344"/>
    <mergeCell ref="E345:F345"/>
    <mergeCell ref="E346:F346"/>
    <mergeCell ref="E347:F347"/>
    <mergeCell ref="E348:F348"/>
    <mergeCell ref="E349:F349"/>
    <mergeCell ref="E350:F350"/>
    <mergeCell ref="E351:F351"/>
    <mergeCell ref="E352:F352"/>
    <mergeCell ref="E353:F353"/>
    <mergeCell ref="E354:F354"/>
    <mergeCell ref="E355:F355"/>
    <mergeCell ref="E356:F356"/>
    <mergeCell ref="E357:F357"/>
    <mergeCell ref="E358:F358"/>
    <mergeCell ref="E359:F359"/>
    <mergeCell ref="E360:F360"/>
    <mergeCell ref="E361:F361"/>
    <mergeCell ref="E362:F362"/>
    <mergeCell ref="E363:F363"/>
    <mergeCell ref="E364:F364"/>
    <mergeCell ref="E365:F365"/>
    <mergeCell ref="E366:F366"/>
    <mergeCell ref="E367:F367"/>
    <mergeCell ref="E368:F368"/>
    <mergeCell ref="E369:F369"/>
    <mergeCell ref="E370:F370"/>
    <mergeCell ref="E371:F371"/>
    <mergeCell ref="E372:F372"/>
    <mergeCell ref="E373:F373"/>
    <mergeCell ref="E374:F374"/>
    <mergeCell ref="E375:F375"/>
    <mergeCell ref="E376:F376"/>
    <mergeCell ref="E377:F377"/>
    <mergeCell ref="E378:F378"/>
    <mergeCell ref="E379:F379"/>
    <mergeCell ref="E380:F380"/>
    <mergeCell ref="E381:F381"/>
    <mergeCell ref="E397:F397"/>
    <mergeCell ref="E398:F398"/>
    <mergeCell ref="E399:F399"/>
    <mergeCell ref="E382:F382"/>
    <mergeCell ref="E383:F383"/>
    <mergeCell ref="E384:F384"/>
    <mergeCell ref="E385:F385"/>
    <mergeCell ref="E386:F386"/>
    <mergeCell ref="E387:F387"/>
    <mergeCell ref="E388:F388"/>
    <mergeCell ref="E389:F389"/>
    <mergeCell ref="E390:F390"/>
    <mergeCell ref="E396:F396"/>
    <mergeCell ref="E276:F276"/>
    <mergeCell ref="E418:F418"/>
    <mergeCell ref="E419:F419"/>
    <mergeCell ref="E420:F420"/>
    <mergeCell ref="E421:F421"/>
    <mergeCell ref="E422:F422"/>
    <mergeCell ref="E409:F409"/>
    <mergeCell ref="E410:F410"/>
    <mergeCell ref="E411:F411"/>
    <mergeCell ref="E412:F412"/>
    <mergeCell ref="E413:F413"/>
    <mergeCell ref="E414:F414"/>
    <mergeCell ref="E415:F415"/>
    <mergeCell ref="E416:F416"/>
    <mergeCell ref="E417:F417"/>
    <mergeCell ref="E400:F400"/>
    <mergeCell ref="E401:F401"/>
    <mergeCell ref="E402:F402"/>
    <mergeCell ref="E403:F403"/>
    <mergeCell ref="E404:F404"/>
    <mergeCell ref="E405:F405"/>
    <mergeCell ref="E406:F406"/>
    <mergeCell ref="E407:F407"/>
    <mergeCell ref="E408:F408"/>
    <mergeCell ref="E460:F460"/>
    <mergeCell ref="B62:F62"/>
    <mergeCell ref="B127:F127"/>
    <mergeCell ref="B149:F149"/>
    <mergeCell ref="B164:F164"/>
    <mergeCell ref="B173:F173"/>
    <mergeCell ref="B250:F250"/>
    <mergeCell ref="B279:F279"/>
    <mergeCell ref="B297:F297"/>
    <mergeCell ref="E295:F295"/>
    <mergeCell ref="E296:F296"/>
    <mergeCell ref="E280:F280"/>
    <mergeCell ref="E281:F281"/>
    <mergeCell ref="E282:F282"/>
    <mergeCell ref="E283:F283"/>
    <mergeCell ref="E284:F284"/>
    <mergeCell ref="E285:F285"/>
    <mergeCell ref="E270:F270"/>
    <mergeCell ref="E271:F271"/>
    <mergeCell ref="E133:F133"/>
    <mergeCell ref="E272:F272"/>
    <mergeCell ref="E273:F273"/>
    <mergeCell ref="E274:F274"/>
    <mergeCell ref="E275:F275"/>
  </mergeCells>
  <conditionalFormatting sqref="E479:F479 D441:D450">
    <cfRule type="containsBlanks" dxfId="24" priority="110">
      <formula>LEN(TRIM(D441))=0</formula>
    </cfRule>
  </conditionalFormatting>
  <conditionalFormatting sqref="C477">
    <cfRule type="containsBlanks" dxfId="23" priority="108">
      <formula>LEN(TRIM(C477))=0</formula>
    </cfRule>
  </conditionalFormatting>
  <conditionalFormatting sqref="E480:F480">
    <cfRule type="containsBlanks" dxfId="22" priority="109">
      <formula>LEN(TRIM(E480))=0</formula>
    </cfRule>
  </conditionalFormatting>
  <conditionalFormatting sqref="C479">
    <cfRule type="containsBlanks" dxfId="21" priority="107">
      <formula>LEN(TRIM(C479))=0</formula>
    </cfRule>
  </conditionalFormatting>
  <conditionalFormatting sqref="C4:C5">
    <cfRule type="containsBlanks" dxfId="20" priority="106">
      <formula>LEN(TRIM(C4))=0</formula>
    </cfRule>
  </conditionalFormatting>
  <conditionalFormatting sqref="C470:D470">
    <cfRule type="containsBlanks" dxfId="19" priority="96">
      <formula>LEN(TRIM(C470))=0</formula>
    </cfRule>
  </conditionalFormatting>
  <conditionalFormatting sqref="D459:D460">
    <cfRule type="containsBlanks" dxfId="18" priority="100">
      <formula>LEN(TRIM(D459))=0</formula>
    </cfRule>
  </conditionalFormatting>
  <conditionalFormatting sqref="D50:D58 D63:D86 D128:D148 D150:D163 D165:D172 D174:D249 D251:D278 D280:D296 D298 D60 D88:D126 D332:D390 D328:D330 D326 D322 D311:D317 D304">
    <cfRule type="containsBlanks" dxfId="17" priority="78">
      <formula>LEN(TRIM(D50))=0</formula>
    </cfRule>
  </conditionalFormatting>
  <conditionalFormatting sqref="C469:D469">
    <cfRule type="containsBlanks" dxfId="16" priority="47">
      <formula>LEN(TRIM(C469))=0</formula>
    </cfRule>
  </conditionalFormatting>
  <conditionalFormatting sqref="C468:D468">
    <cfRule type="containsBlanks" dxfId="15" priority="46">
      <formula>LEN(TRIM(C468))=0</formula>
    </cfRule>
  </conditionalFormatting>
  <conditionalFormatting sqref="C471:D471">
    <cfRule type="containsBlanks" dxfId="14" priority="45">
      <formula>LEN(TRIM(C471))=0</formula>
    </cfRule>
  </conditionalFormatting>
  <conditionalFormatting sqref="D461">
    <cfRule type="containsBlanks" dxfId="13" priority="38">
      <formula>LEN(TRIM(D461))=0</formula>
    </cfRule>
  </conditionalFormatting>
  <conditionalFormatting sqref="D396:D439">
    <cfRule type="containsBlanks" dxfId="12" priority="14">
      <formula>LEN(TRIM(D396))=0</formula>
    </cfRule>
  </conditionalFormatting>
  <conditionalFormatting sqref="D59">
    <cfRule type="containsBlanks" dxfId="11" priority="12">
      <formula>LEN(TRIM(D59))=0</formula>
    </cfRule>
  </conditionalFormatting>
  <conditionalFormatting sqref="D61">
    <cfRule type="containsBlanks" dxfId="10" priority="11">
      <formula>LEN(TRIM(D61))=0</formula>
    </cfRule>
  </conditionalFormatting>
  <conditionalFormatting sqref="D87">
    <cfRule type="containsBlanks" dxfId="9" priority="10">
      <formula>LEN(TRIM(D87))=0</formula>
    </cfRule>
  </conditionalFormatting>
  <conditionalFormatting sqref="D331">
    <cfRule type="containsBlanks" dxfId="8" priority="9">
      <formula>LEN(TRIM(D331))=0</formula>
    </cfRule>
  </conditionalFormatting>
  <conditionalFormatting sqref="D327">
    <cfRule type="containsBlanks" dxfId="7" priority="8">
      <formula>LEN(TRIM(D327))=0</formula>
    </cfRule>
  </conditionalFormatting>
  <conditionalFormatting sqref="D323:D325">
    <cfRule type="containsBlanks" dxfId="6" priority="7">
      <formula>LEN(TRIM(D323))=0</formula>
    </cfRule>
  </conditionalFormatting>
  <conditionalFormatting sqref="D318:D321">
    <cfRule type="containsBlanks" dxfId="5" priority="6">
      <formula>LEN(TRIM(D318))=0</formula>
    </cfRule>
  </conditionalFormatting>
  <conditionalFormatting sqref="D305:D310">
    <cfRule type="containsBlanks" dxfId="4" priority="5">
      <formula>LEN(TRIM(D305))=0</formula>
    </cfRule>
  </conditionalFormatting>
  <conditionalFormatting sqref="D299:D303">
    <cfRule type="containsBlanks" dxfId="3" priority="4">
      <formula>LEN(TRIM(D299))=0</formula>
    </cfRule>
  </conditionalFormatting>
  <conditionalFormatting sqref="D440">
    <cfRule type="containsBlanks" dxfId="2" priority="3">
      <formula>LEN(TRIM(D440))=0</formula>
    </cfRule>
  </conditionalFormatting>
  <conditionalFormatting sqref="D453">
    <cfRule type="containsBlanks" dxfId="1" priority="2">
      <formula>LEN(TRIM(D453))=0</formula>
    </cfRule>
  </conditionalFormatting>
  <conditionalFormatting sqref="D451">
    <cfRule type="containsBlanks" dxfId="0" priority="1">
      <formula>LEN(TRIM(D451))=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7" manualBreakCount="7">
    <brk id="44" min="1" max="5" man="1"/>
    <brk id="136" min="1" max="5" man="1"/>
    <brk id="172" min="1" max="5" man="1"/>
    <brk id="278" min="1" max="5" man="1"/>
    <brk id="296" min="1" max="5" man="1"/>
    <brk id="446" min="1" max="5" man="1"/>
    <brk id="461"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1</xdr:row>
                    <xdr:rowOff>9525</xdr:rowOff>
                  </from>
                  <to>
                    <xdr:col>1</xdr:col>
                    <xdr:colOff>885825</xdr:colOff>
                    <xdr:row>4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2</xdr:row>
                    <xdr:rowOff>0</xdr:rowOff>
                  </from>
                  <to>
                    <xdr:col>1</xdr:col>
                    <xdr:colOff>885825</xdr:colOff>
                    <xdr:row>4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10-26T14:54:18Z</cp:lastPrinted>
  <dcterms:created xsi:type="dcterms:W3CDTF">2017-04-21T05:51:15Z</dcterms:created>
  <dcterms:modified xsi:type="dcterms:W3CDTF">2023-10-26T14:54:36Z</dcterms:modified>
</cp:coreProperties>
</file>